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3426"/>
  <workbookPr codeName="ThisWorkbook" autoCompressPictures="0" defaultThemeVersion="124226"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F6E9915D-F787-490B-AB22-6956FB62F1E0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sheet1" sheetId="1" r:id="rId1"/>
  </sheets>
  <definedNames>
    <definedName name="_xlnm._FilterDatabase" localSheetId="0" hidden="1">sheet1!$A$2:$D$584</definedName>
    <definedName name="OLE_LINK1" localSheetId="0">sheet1!#REF!</definedName>
    <definedName name="_xlnm.Print_Area" localSheetId="0">sheet1!$A$4:$D$584</definedName>
  </definedNames>
  <calcPr calcId="145621" concurrentCalc="0"/>
  <extLs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1712" uniqueCount="750">
  <si>
    <t>BUSINESS COMMUNICATION</t>
  </si>
  <si>
    <t>COMPUTER GAME AND SIMULATION PROGRAMMING</t>
  </si>
  <si>
    <t>ACCOUNTING I</t>
  </si>
  <si>
    <t>ACCOUNTING II</t>
  </si>
  <si>
    <t>AMERICAN ENTERPRISE PROJECT</t>
  </si>
  <si>
    <t>BANKING &amp; FINANCIAL SYSTEMS</t>
  </si>
  <si>
    <t>BUSINESS CALCULATIONS</t>
  </si>
  <si>
    <t>BUSINESS ETHICS</t>
  </si>
  <si>
    <t>BUSINESS FINANCIAL PLAN</t>
  </si>
  <si>
    <t>BUSINESS LAW</t>
  </si>
  <si>
    <t>BUSINESS PLAN</t>
  </si>
  <si>
    <t>BUSINESS PROCEDURES</t>
  </si>
  <si>
    <t>COMMUNITY SERVICE PROJECT</t>
  </si>
  <si>
    <t>COMPUTER APPLICATIONS</t>
  </si>
  <si>
    <t>CYBER SECURITY</t>
  </si>
  <si>
    <t>DESKTOP PUBLISHING</t>
  </si>
  <si>
    <t>DIGITAL VIDEO PRODUCTION</t>
  </si>
  <si>
    <t>ECONOMICS</t>
  </si>
  <si>
    <t>ELECTRONIC CAREER PORTFOLIO</t>
  </si>
  <si>
    <t>GLOBAL BUSINESS</t>
  </si>
  <si>
    <t>IMPROMPTU SPEAKING</t>
  </si>
  <si>
    <t>INTRO TO BUSINESS</t>
  </si>
  <si>
    <t>INTRO TO BUSINESS COMMUNICATION</t>
  </si>
  <si>
    <t>INTRO TO PARLIAMENTARY PROCEDURE</t>
  </si>
  <si>
    <t>INTRO TO TECHNOLOGY CONCEPTS</t>
  </si>
  <si>
    <t>JOB INTERVIEW</t>
  </si>
  <si>
    <t>LOCAL CHAPTER ANNUAL BUSINESS REPORT</t>
  </si>
  <si>
    <t>MANAGEMENT DECISION MAKING</t>
  </si>
  <si>
    <t>NETWORKING CONCEPTS</t>
  </si>
  <si>
    <t>PARTNERSHIP WITH BUSINESS PROJECT</t>
  </si>
  <si>
    <t>PUBLIC SPEAKING I</t>
  </si>
  <si>
    <t>PUBLIC SPEAKING II</t>
  </si>
  <si>
    <t>WORD PROCESSING I</t>
  </si>
  <si>
    <t>PARLIAMENTARY PROCEDURE</t>
  </si>
  <si>
    <t>ENTREPRENEURSHIP</t>
  </si>
  <si>
    <t>FUTURE BUSINESS LEADER</t>
  </si>
  <si>
    <t>BUSINESS PRESENTATION</t>
  </si>
  <si>
    <t>CLIENT SERVICE</t>
  </si>
  <si>
    <t>E-BUSINESS</t>
  </si>
  <si>
    <t>MANAGEMENT INFORMATION SYSTEMS</t>
  </si>
  <si>
    <t>PERSONAL FINANCE</t>
  </si>
  <si>
    <t>-</t>
  </si>
  <si>
    <t>DESKTOP APPLICATION PROGRAMMING</t>
  </si>
  <si>
    <t>HELP DESK</t>
  </si>
  <si>
    <t>SPORTS MANAGEMENT</t>
  </si>
  <si>
    <t>SPREADSHEET APPLICATIONS</t>
  </si>
  <si>
    <t>TECHNOLOGY CONCEPTS</t>
  </si>
  <si>
    <t>EMERGING BUSINESS ISSUES</t>
  </si>
  <si>
    <t>WORD PROCESSING II</t>
  </si>
  <si>
    <t>COMPUTER PROBLEM SOLVING - A+ CONCEPTS</t>
  </si>
  <si>
    <t>HOSPITALITY</t>
  </si>
  <si>
    <t>VIRTUAL BUSINESS CHALLENGE</t>
  </si>
  <si>
    <t>STOCK MARKET</t>
  </si>
  <si>
    <t>DIGITAL DESIGN AND PROMOTION</t>
  </si>
  <si>
    <t>HEALTHCARE ADMINISTRATION</t>
  </si>
  <si>
    <t>WEBSITE DESIGN</t>
  </si>
  <si>
    <t>Englewood Senior High School</t>
  </si>
  <si>
    <t>Avjean, Yaklich</t>
  </si>
  <si>
    <t>Sargent High School</t>
  </si>
  <si>
    <t>Mullins, Rogers</t>
  </si>
  <si>
    <t>Byers High School</t>
  </si>
  <si>
    <t>Danner, Hurley</t>
  </si>
  <si>
    <t>Arapahoe Senior High School</t>
  </si>
  <si>
    <t>Kalhoefer, Loucks</t>
  </si>
  <si>
    <t>Battle Mountain High School</t>
  </si>
  <si>
    <t>Courtois, Dominico</t>
  </si>
  <si>
    <t>Hart, Steinert</t>
  </si>
  <si>
    <t>Fleming High School</t>
  </si>
  <si>
    <t>Chintala, Etl</t>
  </si>
  <si>
    <t>Burlington High School</t>
  </si>
  <si>
    <t>Chacon, Montes</t>
  </si>
  <si>
    <t>Canon City High School</t>
  </si>
  <si>
    <t>Bosisio, Coppa</t>
  </si>
  <si>
    <t>Herbert, Herbert</t>
  </si>
  <si>
    <t>Broomfield High School</t>
  </si>
  <si>
    <t>Laufasa-Duncan, Maxwell, Vincent</t>
  </si>
  <si>
    <t>Burghart, Gateley, Satterly</t>
  </si>
  <si>
    <t>Caliche High School</t>
  </si>
  <si>
    <t>Morgan, Weingardt, Zink</t>
  </si>
  <si>
    <t>Valley High School</t>
  </si>
  <si>
    <t>Rogers, Romero, Salazar</t>
  </si>
  <si>
    <t>Sterling High School</t>
  </si>
  <si>
    <t>Dinsdale, Holloway, Sherman</t>
  </si>
  <si>
    <t>Comstock, Keisel, Kurtzer</t>
  </si>
  <si>
    <t>Roosevelt High School</t>
  </si>
  <si>
    <t>Jared Pritchard</t>
  </si>
  <si>
    <t>Idalia High School</t>
  </si>
  <si>
    <t>Earl, Hurlburt</t>
  </si>
  <si>
    <t>Haxtun High School</t>
  </si>
  <si>
    <t>Dickerson, Heinz, Workman</t>
  </si>
  <si>
    <t>Holyoke High School</t>
  </si>
  <si>
    <t>Brandt, Ham, Ham</t>
  </si>
  <si>
    <t>Brandon Reyes</t>
  </si>
  <si>
    <t>Brittney Silengo</t>
  </si>
  <si>
    <t>Grandview High School</t>
  </si>
  <si>
    <t>Usama Ismail</t>
  </si>
  <si>
    <t>Alamosa High School</t>
  </si>
  <si>
    <t>Brian Wright</t>
  </si>
  <si>
    <t>Humza Ismail</t>
  </si>
  <si>
    <t>Alex Gribben</t>
  </si>
  <si>
    <t>Dakota Hatch</t>
  </si>
  <si>
    <t>Monarch High School</t>
  </si>
  <si>
    <t>Emma Dekker</t>
  </si>
  <si>
    <t>Aaron llenberger</t>
  </si>
  <si>
    <t>William Helling</t>
  </si>
  <si>
    <t>Logan Bowey</t>
  </si>
  <si>
    <t>Ponderosa High School</t>
  </si>
  <si>
    <t>Sabrina Gilbert</t>
  </si>
  <si>
    <t>Pueblo East High School</t>
  </si>
  <si>
    <t>Francisco Gonzalez</t>
  </si>
  <si>
    <t>Bennett High School</t>
  </si>
  <si>
    <t>Hadleigh Wailes</t>
  </si>
  <si>
    <t>Cody Hutchins</t>
  </si>
  <si>
    <t>Emily Mahanna</t>
  </si>
  <si>
    <t>Sanford High School</t>
  </si>
  <si>
    <t>Lindsey Rodriguez</t>
  </si>
  <si>
    <t>Mountain Range High School</t>
  </si>
  <si>
    <t>Jason Freng</t>
  </si>
  <si>
    <t>Crowley County High School</t>
  </si>
  <si>
    <t>John-Marc Cloer</t>
  </si>
  <si>
    <t>Douglas County High School</t>
  </si>
  <si>
    <t>Jenny Mathew</t>
  </si>
  <si>
    <t>Pueblo Centennial High School</t>
  </si>
  <si>
    <t>Michael Krause</t>
  </si>
  <si>
    <t>Jessica Faust</t>
  </si>
  <si>
    <t>Montrose High School</t>
  </si>
  <si>
    <t>Sidney Taylor</t>
  </si>
  <si>
    <t>Cherokee Trail High School</t>
  </si>
  <si>
    <t>Kara Carlson</t>
  </si>
  <si>
    <t>Swink High School</t>
  </si>
  <si>
    <t>Mark Johnson</t>
  </si>
  <si>
    <t>Jolene Walker</t>
  </si>
  <si>
    <t>Rachel Frantz</t>
  </si>
  <si>
    <t>Pueblo Central High School</t>
  </si>
  <si>
    <t>Hannah Mutz</t>
  </si>
  <si>
    <t>Josh Schrieber</t>
  </si>
  <si>
    <t>Dove Creek High School</t>
  </si>
  <si>
    <t>Shelbie Knuckles</t>
  </si>
  <si>
    <t>Leanna LeBlanc</t>
  </si>
  <si>
    <t>Sarah Scott</t>
  </si>
  <si>
    <t>Alex Baeza</t>
  </si>
  <si>
    <t>Chase Debus</t>
  </si>
  <si>
    <t>Yuma High School</t>
  </si>
  <si>
    <t>Mallory Gruben</t>
  </si>
  <si>
    <t>Emily Jowsey</t>
  </si>
  <si>
    <t>Fowler High School</t>
  </si>
  <si>
    <t>Logan Snyder</t>
  </si>
  <si>
    <t>Sarah Linnebur</t>
  </si>
  <si>
    <t>Mason Witzel</t>
  </si>
  <si>
    <t>Arickaree High School</t>
  </si>
  <si>
    <t>Aspen Bellefeuille</t>
  </si>
  <si>
    <t>Calhan High School</t>
  </si>
  <si>
    <t>Kelly Fowler</t>
  </si>
  <si>
    <t>Isabel Vandemoer</t>
  </si>
  <si>
    <t>Centauri High School</t>
  </si>
  <si>
    <t>Stephen Fernelius</t>
  </si>
  <si>
    <t>Keeley Fillmore</t>
  </si>
  <si>
    <t>Nakalya Lestina</t>
  </si>
  <si>
    <t>Sharon Kim</t>
  </si>
  <si>
    <t>Kayla Rowley</t>
  </si>
  <si>
    <t>Eads High School</t>
  </si>
  <si>
    <t>Leisha Peck</t>
  </si>
  <si>
    <t>Antonito High School</t>
  </si>
  <si>
    <t>Paring Cyril</t>
  </si>
  <si>
    <t>Henry Andrykowski</t>
  </si>
  <si>
    <t>Rock Canyon High School</t>
  </si>
  <si>
    <t>Andrew Lehrman</t>
  </si>
  <si>
    <t>Josh Torgler</t>
  </si>
  <si>
    <t>Jason Huggins</t>
  </si>
  <si>
    <t>Martina Gilmore</t>
  </si>
  <si>
    <t>James Seedorf</t>
  </si>
  <si>
    <t>Thornton High School</t>
  </si>
  <si>
    <t>Crystal Ho</t>
  </si>
  <si>
    <t>Erin Aldag</t>
  </si>
  <si>
    <t>Fort Morgan High School</t>
  </si>
  <si>
    <t>Linton, Smits, Tolson</t>
  </si>
  <si>
    <t>Crowther, Crowther, Rogers</t>
  </si>
  <si>
    <t>Belich, Hoyt</t>
  </si>
  <si>
    <t>Fossil Ridge High School</t>
  </si>
  <si>
    <t>Dietz, Grigsby, Mause</t>
  </si>
  <si>
    <t>Boener, Drier</t>
  </si>
  <si>
    <t>Peetz High School</t>
  </si>
  <si>
    <t>Gillham, Heller, Krier</t>
  </si>
  <si>
    <t>Big Sandy High School</t>
  </si>
  <si>
    <t>Linton, Warnecke, Wirshcing</t>
  </si>
  <si>
    <t>Bedsaul, Schreyer</t>
  </si>
  <si>
    <t>Parker, Quintana</t>
  </si>
  <si>
    <t>Mari, Schaefer</t>
  </si>
  <si>
    <t>Ryan Wehe</t>
  </si>
  <si>
    <t>Pine Creek High School</t>
  </si>
  <si>
    <t>Nathan Currier</t>
  </si>
  <si>
    <t>Eaglecrest High School</t>
  </si>
  <si>
    <t>Alex Manoilo</t>
  </si>
  <si>
    <t>Michael Gotwals</t>
  </si>
  <si>
    <t>David Worth</t>
  </si>
  <si>
    <t>University High School</t>
  </si>
  <si>
    <t>Arnold, Blehm, Hoecher</t>
  </si>
  <si>
    <t>Bosshard, Child, Clement</t>
  </si>
  <si>
    <t>Fort Collins High School</t>
  </si>
  <si>
    <t>Bortner, Garcia</t>
  </si>
  <si>
    <t>Telluride High School</t>
  </si>
  <si>
    <t>Mikaela Balkind</t>
  </si>
  <si>
    <t>Thunder Ridge High School</t>
  </si>
  <si>
    <t>Mandigo, Morley</t>
  </si>
  <si>
    <t>Canty, Canty, Salazar</t>
  </si>
  <si>
    <t>Littleton High School</t>
  </si>
  <si>
    <t>Adam Butterman</t>
  </si>
  <si>
    <t>Rampart High School</t>
  </si>
  <si>
    <t>Oza, Varkhedi, Zhang</t>
  </si>
  <si>
    <t>Hadeen, Lundgren</t>
  </si>
  <si>
    <t>Elizabeth High School</t>
  </si>
  <si>
    <t>Sheppard, Visocky</t>
  </si>
  <si>
    <t>Pueblo County High School</t>
  </si>
  <si>
    <t>JC Spencer</t>
  </si>
  <si>
    <t>Bethune High School</t>
  </si>
  <si>
    <t>Justin Seamans</t>
  </si>
  <si>
    <t>Meeker High School</t>
  </si>
  <si>
    <t>Andrea Cook</t>
  </si>
  <si>
    <t>Pueblo South High School</t>
  </si>
  <si>
    <t>Daniel Servin</t>
  </si>
  <si>
    <t>Parker Naxh</t>
  </si>
  <si>
    <t>Colin Beard</t>
  </si>
  <si>
    <t>Emily Stoffel</t>
  </si>
  <si>
    <t>Scott Neff</t>
  </si>
  <si>
    <t>Janaya Daily-Johnson</t>
  </si>
  <si>
    <t>Maddy Vogel</t>
  </si>
  <si>
    <t>LaRose Currie</t>
  </si>
  <si>
    <t>Smoky Hill High School</t>
  </si>
  <si>
    <t>Jessica Safford</t>
  </si>
  <si>
    <t>Allison Mause</t>
  </si>
  <si>
    <t>Overland High School</t>
  </si>
  <si>
    <t>Austin Frerichs</t>
  </si>
  <si>
    <t>Lilly Halboth</t>
  </si>
  <si>
    <t>Fairview High School</t>
  </si>
  <si>
    <t>Daria Caraway</t>
  </si>
  <si>
    <t>Wray High School</t>
  </si>
  <si>
    <t>Coby Buck</t>
  </si>
  <si>
    <t>Salida High School</t>
  </si>
  <si>
    <t>Kaiti Davis</t>
  </si>
  <si>
    <t>Windsor High School</t>
  </si>
  <si>
    <t>Justin Weinmeister</t>
  </si>
  <si>
    <t>Heritage High School</t>
  </si>
  <si>
    <t>Marc Thompson</t>
  </si>
  <si>
    <t>Antonia Lin</t>
  </si>
  <si>
    <t>Derek Greer</t>
  </si>
  <si>
    <t>Annie Lin</t>
  </si>
  <si>
    <t>Jake Nelson</t>
  </si>
  <si>
    <t>Jason Hill</t>
  </si>
  <si>
    <t>Loveland High School</t>
  </si>
  <si>
    <t>Orawan Sautter</t>
  </si>
  <si>
    <t>Sebastian Legarburo</t>
  </si>
  <si>
    <t>Poudre High School</t>
  </si>
  <si>
    <t>Griffin Paul</t>
  </si>
  <si>
    <t>Daniel Combs</t>
  </si>
  <si>
    <t>Nate Johnson</t>
  </si>
  <si>
    <t>South Park Junior-Senior High School</t>
  </si>
  <si>
    <t>Joshua Robison</t>
  </si>
  <si>
    <t>Daniel Cruz</t>
  </si>
  <si>
    <t>Kyle Martin</t>
  </si>
  <si>
    <t>Jake Hillmann</t>
  </si>
  <si>
    <t>George Washington High School</t>
  </si>
  <si>
    <t>Bryan Miller</t>
  </si>
  <si>
    <t>John Cheslock</t>
  </si>
  <si>
    <t>Tabitha Kalin</t>
  </si>
  <si>
    <t>Tanay Nunna</t>
  </si>
  <si>
    <t>Garrett Daly</t>
  </si>
  <si>
    <t>Sam Long</t>
  </si>
  <si>
    <t>Dave Mathews</t>
  </si>
  <si>
    <t>Issiah Kim</t>
  </si>
  <si>
    <t>William Gilchrist</t>
  </si>
  <si>
    <t>Siyu Wu</t>
  </si>
  <si>
    <t>Rohit Gupta</t>
  </si>
  <si>
    <t>Graham Powers</t>
  </si>
  <si>
    <t>Hannah Young</t>
  </si>
  <si>
    <t>Brady Edwards</t>
  </si>
  <si>
    <t>Suppu Anamalai</t>
  </si>
  <si>
    <t>Julesburg High School</t>
  </si>
  <si>
    <t>Dillon Kizer</t>
  </si>
  <si>
    <t>Delta High School</t>
  </si>
  <si>
    <t>Ridge Green</t>
  </si>
  <si>
    <t>Henry Mulligan</t>
  </si>
  <si>
    <t>Paige Alleman</t>
  </si>
  <si>
    <t>Liberty High School</t>
  </si>
  <si>
    <t>Ben Williams</t>
  </si>
  <si>
    <t>Coronado High School</t>
  </si>
  <si>
    <t>Michael Tuxhorn</t>
  </si>
  <si>
    <t>Jack Emery</t>
  </si>
  <si>
    <t>Leslie Roelle</t>
  </si>
  <si>
    <t>Bailey Bair</t>
  </si>
  <si>
    <t>Julia Chun</t>
  </si>
  <si>
    <t>Eaton High School</t>
  </si>
  <si>
    <t>Kendra Cunningham</t>
  </si>
  <si>
    <t>Sheela Kailasam</t>
  </si>
  <si>
    <t>Jordan Soldano</t>
  </si>
  <si>
    <t>Jacquelyn Combellick</t>
  </si>
  <si>
    <t>Boulder High School</t>
  </si>
  <si>
    <t>Katie McGee</t>
  </si>
  <si>
    <t>Pagosa Springs High School</t>
  </si>
  <si>
    <t>Gabrielle Pajak</t>
  </si>
  <si>
    <t>Janette Hill</t>
  </si>
  <si>
    <t>Air Academy High School</t>
  </si>
  <si>
    <t>Caroline Thompson</t>
  </si>
  <si>
    <t>Dylan Artzer</t>
  </si>
  <si>
    <t>Alexandra Pepin</t>
  </si>
  <si>
    <t>Olivia Barry</t>
  </si>
  <si>
    <t>Katie Hall</t>
  </si>
  <si>
    <t>Kateylyn Currier</t>
  </si>
  <si>
    <t>Cheraw High School</t>
  </si>
  <si>
    <t>Christian Nielsen</t>
  </si>
  <si>
    <t>Hotchkiss High School</t>
  </si>
  <si>
    <t>Reed Hubbell</t>
  </si>
  <si>
    <t>Nicholas Bloom</t>
  </si>
  <si>
    <t>Cherry Creek High School</t>
  </si>
  <si>
    <t>Victoria Kirkemo</t>
  </si>
  <si>
    <t>Erin Braford</t>
  </si>
  <si>
    <t>Stratton High School</t>
  </si>
  <si>
    <t>Marki Crouse</t>
  </si>
  <si>
    <t>Shaofan Sun</t>
  </si>
  <si>
    <t>Emily Campbell</t>
  </si>
  <si>
    <t>Creede Jr/Sr High School</t>
  </si>
  <si>
    <t>Heather Brophy</t>
  </si>
  <si>
    <t>Taylor King</t>
  </si>
  <si>
    <t>Cole Johnson</t>
  </si>
  <si>
    <t>Louise Kuehster</t>
  </si>
  <si>
    <t>Sydney Donley</t>
  </si>
  <si>
    <t>Palisade High School</t>
  </si>
  <si>
    <t>Sarah Kerr</t>
  </si>
  <si>
    <t>Samantha Leonard</t>
  </si>
  <si>
    <t>Colton Crowther</t>
  </si>
  <si>
    <t>La Junta High School</t>
  </si>
  <si>
    <t>Michael Rees</t>
  </si>
  <si>
    <t>Mary Haynes</t>
  </si>
  <si>
    <t>Christian Rhener</t>
  </si>
  <si>
    <t>David Kim</t>
  </si>
  <si>
    <t>Estes Park High School</t>
  </si>
  <si>
    <t>Christian Newendorp</t>
  </si>
  <si>
    <t>Kevin Xie</t>
  </si>
  <si>
    <t>Sabrina Jain</t>
  </si>
  <si>
    <t>Shea Herrara</t>
  </si>
  <si>
    <t>Casey Cooter</t>
  </si>
  <si>
    <t>Changdae Hahm</t>
  </si>
  <si>
    <t>Elizabeth Regier</t>
  </si>
  <si>
    <t>Riley Holmes</t>
  </si>
  <si>
    <t>Sangre De Cristo High School</t>
  </si>
  <si>
    <t>Kathryn New</t>
  </si>
  <si>
    <t>Charles Aaron</t>
  </si>
  <si>
    <t>Mountain Vista High School</t>
  </si>
  <si>
    <t>Amir Qadri</t>
  </si>
  <si>
    <t>Pueblo West High School</t>
  </si>
  <si>
    <t>Kyla Koury</t>
  </si>
  <si>
    <t>Platte Valley High School</t>
  </si>
  <si>
    <t>Victoria Zehnder</t>
  </si>
  <si>
    <t>Akron High School</t>
  </si>
  <si>
    <t>Sydney Glosson</t>
  </si>
  <si>
    <t>Emma Miles</t>
  </si>
  <si>
    <t>Josh Dovenbarger</t>
  </si>
  <si>
    <t>Legacy High School</t>
  </si>
  <si>
    <t>Emma Gee</t>
  </si>
  <si>
    <t>Schivani Chauhan</t>
  </si>
  <si>
    <t>Amy Karizen</t>
  </si>
  <si>
    <t>Hoehne High School</t>
  </si>
  <si>
    <t>Alix Feagaiga</t>
  </si>
  <si>
    <t>Andrade-Miles, Bundy</t>
  </si>
  <si>
    <t>Brandon Miller</t>
  </si>
  <si>
    <t>Dickerson, Ness</t>
  </si>
  <si>
    <t>Harris, Ketterman</t>
  </si>
  <si>
    <t>Gallegos, Gallegos</t>
  </si>
  <si>
    <t>Molly Nadon</t>
  </si>
  <si>
    <t>Karney, Place</t>
  </si>
  <si>
    <t>Brush High School</t>
  </si>
  <si>
    <t>Kenedi Guzman</t>
  </si>
  <si>
    <t>Jack Nichols</t>
  </si>
  <si>
    <t>Molitoriss, Pucheril, Wainwright</t>
  </si>
  <si>
    <t>Hand, Montoya, Zupancic</t>
  </si>
  <si>
    <t>Hoogendoorn, Quintana, Valdez</t>
  </si>
  <si>
    <t>Baker, Gandhi, Shaw</t>
  </si>
  <si>
    <t>Aldea, Flaherty</t>
  </si>
  <si>
    <t>Fitzsimons, Yahn</t>
  </si>
  <si>
    <t>Matthew Nehring</t>
  </si>
  <si>
    <t>Jonah Pregulman</t>
  </si>
  <si>
    <t>Alex Kurgon</t>
  </si>
  <si>
    <t>Chen, Wong</t>
  </si>
  <si>
    <t>Allen, Mekelburg</t>
  </si>
  <si>
    <t>Migliorini, Sandoval, Walsh</t>
  </si>
  <si>
    <t>Schreiber, Thorpe, Thorpe</t>
  </si>
  <si>
    <t>Fringer, Sowards</t>
  </si>
  <si>
    <t>Gross, Snyder</t>
  </si>
  <si>
    <t>Lamar High School</t>
  </si>
  <si>
    <t>Anderson, O'Neill, Reed</t>
  </si>
  <si>
    <t>Bellendir, Milano, Milano</t>
  </si>
  <si>
    <t>Ketterman, Rossi</t>
  </si>
  <si>
    <t>Beckman, Guilinger, Wegen</t>
  </si>
  <si>
    <t>Kwan, LeMay, Thiel</t>
  </si>
  <si>
    <t>Clevenger, Meier</t>
  </si>
  <si>
    <t>Aguirre, Malkan, Pennington</t>
  </si>
  <si>
    <t>Stutszman, Stutszman, Stutszman</t>
  </si>
  <si>
    <t>Gartner, Giuliani, Jones</t>
  </si>
  <si>
    <t>Bashaw, Snow</t>
  </si>
  <si>
    <t>Restrepo, Rose</t>
  </si>
  <si>
    <t>Manders, Passwaters, Sevcik</t>
  </si>
  <si>
    <t>Gray, Nielson</t>
  </si>
  <si>
    <t>Greenberg, Mensah</t>
  </si>
  <si>
    <t>Artzer, Brammer, Scholz</t>
  </si>
  <si>
    <t>Rungaroon, Schoeber, Turner</t>
  </si>
  <si>
    <t>Ponce, Sargent, Watson</t>
  </si>
  <si>
    <t>Wiggins High School</t>
  </si>
  <si>
    <t>Brown, McCombs, Springer</t>
  </si>
  <si>
    <t>Chavez, Hall</t>
  </si>
  <si>
    <t>Allen, Searle</t>
  </si>
  <si>
    <t>Hampton, Janes, Nienhuser</t>
  </si>
  <si>
    <t>Eagle Valley High School</t>
  </si>
  <si>
    <t>Krueger, Tafoya</t>
  </si>
  <si>
    <t>Cannon, Howell, Kaufman</t>
  </si>
  <si>
    <t>Herman, Meyer</t>
  </si>
  <si>
    <t>Hutchens, Jonaitis, Raizman</t>
  </si>
  <si>
    <t xml:space="preserve">McNally, Owsley </t>
  </si>
  <si>
    <t>Hayden Anderson</t>
  </si>
  <si>
    <t>Katelyn Kaus</t>
  </si>
  <si>
    <t>Samuel Bliderbeck</t>
  </si>
  <si>
    <t>Emily Scheele</t>
  </si>
  <si>
    <t>Haley Sackett</t>
  </si>
  <si>
    <t>Tiana Garcia</t>
  </si>
  <si>
    <t>Flagler High School</t>
  </si>
  <si>
    <t>Jana Elrick</t>
  </si>
  <si>
    <t>Robbie Purdy</t>
  </si>
  <si>
    <t>Damian Bordenave</t>
  </si>
  <si>
    <t>DCIS</t>
  </si>
  <si>
    <t>Gabriela Lopez-Mateos</t>
  </si>
  <si>
    <t>Kim School District RE-88</t>
  </si>
  <si>
    <t>Juan Guardado</t>
  </si>
  <si>
    <t>Rocky Mountain High School</t>
  </si>
  <si>
    <t>Shane Clark</t>
  </si>
  <si>
    <t>Dane Murdock</t>
  </si>
  <si>
    <t>Erick Almanzar</t>
  </si>
  <si>
    <t>Christina Feliciano</t>
  </si>
  <si>
    <t>Rangely High School</t>
  </si>
  <si>
    <t>Chris Staley</t>
  </si>
  <si>
    <t>Joshua Dardick</t>
  </si>
  <si>
    <t>Heather Brunelli</t>
  </si>
  <si>
    <t>Alex Divelbiss</t>
  </si>
  <si>
    <t>Carrie Wingfield</t>
  </si>
  <si>
    <t>Katie Wisham</t>
  </si>
  <si>
    <t>Elizabeth Mause</t>
  </si>
  <si>
    <t>Bethany Salgado</t>
  </si>
  <si>
    <t>Las Animas High School</t>
  </si>
  <si>
    <t>Bailey Huffman</t>
  </si>
  <si>
    <t>Alyssa Stephens</t>
  </si>
  <si>
    <t>Taive Cox</t>
  </si>
  <si>
    <t>Rebecca Kosten</t>
  </si>
  <si>
    <t>Jessica Schroeder</t>
  </si>
  <si>
    <t>James Cox</t>
  </si>
  <si>
    <t>Breanne Buchner</t>
  </si>
  <si>
    <t>Paige Ridley</t>
  </si>
  <si>
    <t>Julia Shook</t>
  </si>
  <si>
    <t>Rayna Hodgson</t>
  </si>
  <si>
    <t>Hayden High School</t>
  </si>
  <si>
    <t>Heather Nereson</t>
  </si>
  <si>
    <t>Garrett Brockleman</t>
  </si>
  <si>
    <t>Carissa Roan</t>
  </si>
  <si>
    <t>Jennifer Wisdom</t>
  </si>
  <si>
    <t>Kade Hiller</t>
  </si>
  <si>
    <t>Shayla Klein</t>
  </si>
  <si>
    <t>Joseph Baan</t>
  </si>
  <si>
    <t>Greeley West High School</t>
  </si>
  <si>
    <t>Damyion Barboza</t>
  </si>
  <si>
    <t>AJ Brandt</t>
  </si>
  <si>
    <t>Josh Molina</t>
  </si>
  <si>
    <t>Elijah Ullman</t>
  </si>
  <si>
    <t>Justin Wilson</t>
  </si>
  <si>
    <t>Ryan Burmester</t>
  </si>
  <si>
    <t>Colin Ward</t>
  </si>
  <si>
    <t>Anirudh Mathukumilli</t>
  </si>
  <si>
    <t>Josef Gertner</t>
  </si>
  <si>
    <t>Austin Jacobs</t>
  </si>
  <si>
    <t>Marissa Santarella</t>
  </si>
  <si>
    <t>Tommy Harrison</t>
  </si>
  <si>
    <t>Hillary Morris</t>
  </si>
  <si>
    <t>Maddie Edwards</t>
  </si>
  <si>
    <t>Henry Oliver</t>
  </si>
  <si>
    <t>Aron Rodriguez</t>
  </si>
  <si>
    <t>Clayton Lyell</t>
  </si>
  <si>
    <t>Abigail Peters</t>
  </si>
  <si>
    <t>Highland High School</t>
  </si>
  <si>
    <t>Tyler Miller</t>
  </si>
  <si>
    <t>Brett Cumming</t>
  </si>
  <si>
    <t>Christian Mayne</t>
  </si>
  <si>
    <t>Joshua Hykan</t>
  </si>
  <si>
    <t>Samuel Volin</t>
  </si>
  <si>
    <t>Abhi Sharma</t>
  </si>
  <si>
    <t>Jonathan Goss</t>
  </si>
  <si>
    <t>Joshua Ferge</t>
  </si>
  <si>
    <t>David Chan</t>
  </si>
  <si>
    <t>Kenneth Rexford</t>
  </si>
  <si>
    <t>Shawn Ong</t>
  </si>
  <si>
    <t>Foster Lawless</t>
  </si>
  <si>
    <t>Mehmed Erkocevic</t>
  </si>
  <si>
    <t>Cecilee LaPorta</t>
  </si>
  <si>
    <t>Logan Patterson</t>
  </si>
  <si>
    <t>Hernan Palma</t>
  </si>
  <si>
    <t>Austin Jones</t>
  </si>
  <si>
    <t>Justin DeMaria</t>
  </si>
  <si>
    <t>Caitlin Rice</t>
  </si>
  <si>
    <t>Victoria Rowe</t>
  </si>
  <si>
    <t>Jacob Archer</t>
  </si>
  <si>
    <t>Jeff Koester</t>
  </si>
  <si>
    <t>Jesse Lewis</t>
  </si>
  <si>
    <t>Jesus Ortiz</t>
  </si>
  <si>
    <t>Prairie High School</t>
  </si>
  <si>
    <t>Paige Johnson</t>
  </si>
  <si>
    <t>Cody Sedillo</t>
  </si>
  <si>
    <t>William Garduno</t>
  </si>
  <si>
    <t>Andrew Huang</t>
  </si>
  <si>
    <t>Chad Rachubinski</t>
  </si>
  <si>
    <t>Kole Van Treese</t>
  </si>
  <si>
    <t>High Tech Early College</t>
  </si>
  <si>
    <t>Gomez, Mendoz-Rios, Palacios</t>
  </si>
  <si>
    <t>Graham, McCarl</t>
  </si>
  <si>
    <t>Bryant, Oquist</t>
  </si>
  <si>
    <t>Igoe, Walter</t>
  </si>
  <si>
    <t>Grand Junction High School</t>
  </si>
  <si>
    <t>Alice Nelms</t>
  </si>
  <si>
    <t>Jimmerson, Suter</t>
  </si>
  <si>
    <t>Aaron Rietveld</t>
  </si>
  <si>
    <t>Amelia Higgins</t>
  </si>
  <si>
    <t>Briegel, Vavra</t>
  </si>
  <si>
    <t>Barton, Martinez</t>
  </si>
  <si>
    <t>Hladky, Meining</t>
  </si>
  <si>
    <t>Lipinski, Stull</t>
  </si>
  <si>
    <t>Jacquez, Quintana</t>
  </si>
  <si>
    <t>Salazar, Schiffer, Veneman</t>
  </si>
  <si>
    <t>Collinge, Garza, Mozal</t>
  </si>
  <si>
    <t>Becerra, Martinez</t>
  </si>
  <si>
    <t>Nadiadi, Sahud, Stephens</t>
  </si>
  <si>
    <t>Belousova, Lukashenka</t>
  </si>
  <si>
    <t>Heaton, Kelley</t>
  </si>
  <si>
    <t>Enkuselasse, Pippitt</t>
  </si>
  <si>
    <t>Givin, Gullia</t>
  </si>
  <si>
    <t>Ballard, Daniels, Hill</t>
  </si>
  <si>
    <t>Moffat County High School</t>
  </si>
  <si>
    <t>Kristina McLeslie</t>
  </si>
  <si>
    <t>Heath, Smith</t>
  </si>
  <si>
    <t>Jordan McLeslie</t>
  </si>
  <si>
    <t>Enkhgin Enkhsaikhan</t>
  </si>
  <si>
    <t>Sowards, Tailleur</t>
  </si>
  <si>
    <t>Behrens, Ruscitti, Slavick</t>
  </si>
  <si>
    <t>Englund, Nguyen, Ye</t>
  </si>
  <si>
    <t>Krishnaswamy, Patel</t>
  </si>
  <si>
    <t>Steamboat Springs High School</t>
  </si>
  <si>
    <t>Maggie Harris</t>
  </si>
  <si>
    <t>Jennifer Xian</t>
  </si>
  <si>
    <t>McWhorter, Monheiser</t>
  </si>
  <si>
    <t>Cordova, Huffaker, Montague</t>
  </si>
  <si>
    <t>Jenkins, Traver, Tucker</t>
  </si>
  <si>
    <t>Monte Vista High School</t>
  </si>
  <si>
    <t>Whitmer, Reschke</t>
  </si>
  <si>
    <t>Johnson, McClain, Clear</t>
  </si>
  <si>
    <t>Fair, Overley</t>
  </si>
  <si>
    <t>Glaser, Marrick, Pankey</t>
  </si>
  <si>
    <t>Lane, Uhland</t>
  </si>
  <si>
    <t>Hall, Woods, Woods</t>
  </si>
  <si>
    <t>Fix, Gueck, Lockwood</t>
  </si>
  <si>
    <t>Katelyn Veltman</t>
  </si>
  <si>
    <t>Kory Bond</t>
  </si>
  <si>
    <t>Carolina Hermoseillo</t>
  </si>
  <si>
    <t>Ashlyn Boatman Lombardo</t>
  </si>
  <si>
    <t>Casey Veneman</t>
  </si>
  <si>
    <t>Katja Kleih</t>
  </si>
  <si>
    <t>Justin Lowder</t>
  </si>
  <si>
    <t>Andrew Bartolo</t>
  </si>
  <si>
    <t>Hannah Murphy</t>
  </si>
  <si>
    <t>Marissa West</t>
  </si>
  <si>
    <t>Matt Lindgren</t>
  </si>
  <si>
    <t>Andrew Conrad</t>
  </si>
  <si>
    <t>Asta Jensen</t>
  </si>
  <si>
    <t>Michael Reyna</t>
  </si>
  <si>
    <t>Jim Feng</t>
  </si>
  <si>
    <t>Olivia Wreford</t>
  </si>
  <si>
    <t>Jerod Galyean</t>
  </si>
  <si>
    <t>Paul Albani-Burgio</t>
  </si>
  <si>
    <t>Bill Sun</t>
  </si>
  <si>
    <t>Sara Wilky</t>
  </si>
  <si>
    <t>Jessica Taylor</t>
  </si>
  <si>
    <t>Michael Hansen</t>
  </si>
  <si>
    <t>Hailey Donathon</t>
  </si>
  <si>
    <t>Zack Perry</t>
  </si>
  <si>
    <t>Tucker Lee</t>
  </si>
  <si>
    <t>Choi, McClung, Tucker</t>
  </si>
  <si>
    <t>Richards</t>
  </si>
  <si>
    <t>Edgar, Faucette, Jarvies</t>
  </si>
  <si>
    <t>Alcorn, Conrad</t>
  </si>
  <si>
    <t>Werner</t>
  </si>
  <si>
    <t>Rodriguez. Ruybal</t>
  </si>
  <si>
    <t>Briggsdale High School</t>
  </si>
  <si>
    <t>Fassler, Pfeiff, Thormodsgard</t>
  </si>
  <si>
    <t>Adu, Liao, Oh</t>
  </si>
  <si>
    <t>Reddy</t>
  </si>
  <si>
    <t>Pomona High School</t>
  </si>
  <si>
    <t>Michael Convey</t>
  </si>
  <si>
    <t>Tai Nittler</t>
  </si>
  <si>
    <t>Rachel Tanner</t>
  </si>
  <si>
    <t>Andrea Northup</t>
  </si>
  <si>
    <t>Zoe Thrasher</t>
  </si>
  <si>
    <t>Sophie McVicker</t>
  </si>
  <si>
    <t>Ashley Miller</t>
  </si>
  <si>
    <t>Sangre de Cristo High School</t>
  </si>
  <si>
    <t>Lacy McKinley</t>
  </si>
  <si>
    <t>Alayna Kendig</t>
  </si>
  <si>
    <t>Megan Callahan</t>
  </si>
  <si>
    <t>Millington, Mullen</t>
  </si>
  <si>
    <t>Amen, Cannon</t>
  </si>
  <si>
    <t>Baten, Cain, Holton</t>
  </si>
  <si>
    <t>Carey, Sallee, Wright</t>
  </si>
  <si>
    <t>Duran, Lindsey, Werner</t>
  </si>
  <si>
    <t>Casados-Medve, Rode, Schulz</t>
  </si>
  <si>
    <t>Cucarola, Skerjanec, Skerjanec</t>
  </si>
  <si>
    <t>Germann, Guha, Thompson</t>
  </si>
  <si>
    <t>Eberhardt, Larson</t>
  </si>
  <si>
    <t>Ruoqi Zhou</t>
  </si>
  <si>
    <t>Alejandro Salazar</t>
  </si>
  <si>
    <t>Jordan Troester</t>
  </si>
  <si>
    <t>Centaurus High School</t>
  </si>
  <si>
    <t>Gabriela Weldon</t>
  </si>
  <si>
    <t>Bryan Grant</t>
  </si>
  <si>
    <t>Linda Kolb</t>
  </si>
  <si>
    <t>Danielle Schroeder</t>
  </si>
  <si>
    <t>Amanda Pennington</t>
  </si>
  <si>
    <t>Roger Barrett</t>
  </si>
  <si>
    <t>Kyleigh Holloway</t>
  </si>
  <si>
    <t>Pham, Plott, Rodriguez</t>
  </si>
  <si>
    <t>Braunlin, Randle</t>
  </si>
  <si>
    <t>Gregory, Korell</t>
  </si>
  <si>
    <t>Kamath, Pfromer, Zhang</t>
  </si>
  <si>
    <t>Dziubasik, Shirk</t>
  </si>
  <si>
    <t>Bough, Huynh</t>
  </si>
  <si>
    <t>Tan, Youngman</t>
  </si>
  <si>
    <t>Walker, Yakish</t>
  </si>
  <si>
    <t>Houston, O'Connor</t>
  </si>
  <si>
    <t>Patton, Torres</t>
  </si>
  <si>
    <t>Mecham, Wagner</t>
  </si>
  <si>
    <t>Meyer, Milaslute</t>
  </si>
  <si>
    <t>Merino High School</t>
  </si>
  <si>
    <t>Jole, Tappy, Barnes</t>
  </si>
  <si>
    <t>Lake County High School</t>
  </si>
  <si>
    <t>Hernandez, Morrison</t>
  </si>
  <si>
    <t>DePalma, Moore</t>
  </si>
  <si>
    <t>Stephani, Wallace</t>
  </si>
  <si>
    <t>Carver, Frazier, Warrilow</t>
  </si>
  <si>
    <t>Bingaman, Weber</t>
  </si>
  <si>
    <t>Chatfield Senior High School</t>
  </si>
  <si>
    <t>Ashurov, Montressor, Wethington</t>
  </si>
  <si>
    <t>Cussen, Derrera, Searle</t>
  </si>
  <si>
    <t>Amaya, Brown, Dean, Likes, Myers</t>
  </si>
  <si>
    <t>Ball, Mesiha, Spada, Thiele</t>
  </si>
  <si>
    <t>Ablay, Barton, Bragado, Carpenter, Klein</t>
  </si>
  <si>
    <t>Pawnee High School</t>
  </si>
  <si>
    <t>Davis, Garnier, Haun, Sanders, Shoemaker</t>
  </si>
  <si>
    <t>Craig, Duarte, McArthur, Turley, Yates</t>
  </si>
  <si>
    <t>Chauhan, Gokhale, Liu, Nalla, Philip</t>
  </si>
  <si>
    <t>Kindival, Michel, Kirshbaum, Kirshbaum, Baker</t>
  </si>
  <si>
    <t>Filter, Lewis, Massey, Petersen, Potts</t>
  </si>
  <si>
    <t>Claybrook, Everett, Granzella, McKenna, Yesupatham</t>
  </si>
  <si>
    <t>Gerk, Hiller, Krogmeier, Murillo, Turney</t>
  </si>
  <si>
    <t>Kindall, VanArsdale</t>
  </si>
  <si>
    <t>Walker, Wharry</t>
  </si>
  <si>
    <t>Sandoval West</t>
  </si>
  <si>
    <t>Gomez, West</t>
  </si>
  <si>
    <t>Halpern, Hauptman, Seamans</t>
  </si>
  <si>
    <t>Araphaoe Senior High School</t>
  </si>
  <si>
    <t>Timmons, Zellner</t>
  </si>
  <si>
    <t>Castle View High School</t>
  </si>
  <si>
    <t>Doogan, Keim, Yavorski</t>
  </si>
  <si>
    <t>Columbus, Hammond, Scott</t>
  </si>
  <si>
    <t>Bialick, Naxh, Sinha</t>
  </si>
  <si>
    <t>Ackerman, Roland</t>
  </si>
  <si>
    <t>Jeremy Hahn</t>
  </si>
  <si>
    <t>Cooper, Rojas</t>
  </si>
  <si>
    <t>Northridge High School</t>
  </si>
  <si>
    <t>Ortiz, Perches, Vierow</t>
  </si>
  <si>
    <t>Joe Fernelius</t>
  </si>
  <si>
    <t>Chidambaram, Seibert, Yang</t>
  </si>
  <si>
    <t>Atnip, Erickson</t>
  </si>
  <si>
    <t>Frederick High School</t>
  </si>
  <si>
    <t>Zong Vang</t>
  </si>
  <si>
    <t>Castillo, Hickey, Valdez</t>
  </si>
  <si>
    <t>Carpenter, Chelsee</t>
  </si>
  <si>
    <t>Finley, Marshall</t>
  </si>
  <si>
    <t>Brocklander, Piccone</t>
  </si>
  <si>
    <t>Fraass, Meier</t>
  </si>
  <si>
    <t>Hernandez, Walls</t>
  </si>
  <si>
    <t>Granillo, Melvin, Pierce</t>
  </si>
  <si>
    <t>Sellaro, Carly</t>
  </si>
  <si>
    <t>Castle, Pham</t>
  </si>
  <si>
    <t>Brock, Rockhold, Rockhold</t>
  </si>
  <si>
    <t>Beiriger, Stokely</t>
  </si>
  <si>
    <t>Kayla Meurisse</t>
  </si>
  <si>
    <t>Trevor Dean</t>
  </si>
  <si>
    <t>Amber Elimon</t>
  </si>
  <si>
    <t>Thompson Valley High School</t>
  </si>
  <si>
    <t>Katie Menzies</t>
  </si>
  <si>
    <t>Rifle High School</t>
  </si>
  <si>
    <t>Allison Powell</t>
  </si>
  <si>
    <t>Landen Racine</t>
  </si>
  <si>
    <t>Kathleen Dobert</t>
  </si>
  <si>
    <t>Patty Esch</t>
  </si>
  <si>
    <t>Coltin Grasmick</t>
  </si>
  <si>
    <t>Sidney Merrill</t>
  </si>
  <si>
    <t>Shelby Buttolph</t>
  </si>
  <si>
    <t>Katie Macoy</t>
  </si>
  <si>
    <t>Emily Thong</t>
  </si>
  <si>
    <t>Jordan Rogers</t>
  </si>
  <si>
    <t>Dalton Gallegos</t>
  </si>
  <si>
    <t>Savanna Johnson</t>
  </si>
  <si>
    <t>Kelsey Garretson</t>
  </si>
  <si>
    <t>Ashley Clevenger</t>
  </si>
  <si>
    <t>Murtidevi Nauth</t>
  </si>
  <si>
    <t>Cassandra Kennedy</t>
  </si>
  <si>
    <t>Taylor, Wilson</t>
  </si>
  <si>
    <t>Kothlow, Segura</t>
  </si>
  <si>
    <t>Hecomovich, Olson, Patil</t>
  </si>
  <si>
    <t>Anderson, Gabrielse, Mdhin</t>
  </si>
  <si>
    <t>Gerken, Segura, Tolson</t>
  </si>
  <si>
    <t>Finnell, Pearson</t>
  </si>
  <si>
    <t>Huebler, Merheb, Yang</t>
  </si>
  <si>
    <t>Bandreddi, Desai, Shankar</t>
  </si>
  <si>
    <t>Foster, McCoy</t>
  </si>
  <si>
    <t>Schiller, Wilmot</t>
  </si>
  <si>
    <t>Baer, Christensen, Vasquez</t>
  </si>
  <si>
    <t>Medina, Pacheco, Roy</t>
  </si>
  <si>
    <t>Cerna-Sanchez, Debroux, Dooley</t>
  </si>
  <si>
    <t>Scarbrough, Lahrs, Hemken</t>
  </si>
  <si>
    <t>Adden, Rood</t>
  </si>
  <si>
    <t>Amaral, Prottsman</t>
  </si>
  <si>
    <t>Zink, Wilkening</t>
  </si>
  <si>
    <t>Macy Kiel</t>
  </si>
  <si>
    <t>Andersen, Hiller, Wilcox</t>
  </si>
  <si>
    <t>Hallman, McCracken, Ray</t>
  </si>
  <si>
    <t>BUSINESS MATH</t>
  </si>
  <si>
    <t>FBLA PRINCIPLES AND PROCEDURES</t>
  </si>
  <si>
    <t>Gina Tolley</t>
  </si>
  <si>
    <t>DATABASE DESIGN AND APPLICATIONS</t>
  </si>
  <si>
    <t>MARKETING</t>
  </si>
  <si>
    <t>NETWORK DESIGN</t>
  </si>
  <si>
    <t>Waggoner, Waggoner</t>
  </si>
  <si>
    <t>Leah Roberson</t>
  </si>
  <si>
    <t>Cynthia Jennings</t>
  </si>
  <si>
    <t>Angela(Zhong) Wu</t>
  </si>
  <si>
    <t>Event</t>
  </si>
  <si>
    <t>Place</t>
  </si>
  <si>
    <t>School</t>
  </si>
  <si>
    <t>Nam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0"/>
      <name val="Arial"/>
    </font>
    <font>
      <sz val="10"/>
      <color indexed="8"/>
      <name val="Arial"/>
      <family val="2"/>
    </font>
    <font>
      <u/>
      <sz val="10"/>
      <color theme="10"/>
      <name val="Arial"/>
    </font>
    <font>
      <u/>
      <sz val="10"/>
      <color theme="11"/>
      <name val="Arial"/>
    </font>
    <font>
      <sz val="11"/>
      <color indexed="8"/>
      <name val="Arial"/>
      <family val="2"/>
    </font>
    <font>
      <sz val="11"/>
      <name val="Arial"/>
      <family val="2"/>
    </font>
    <font>
      <b/>
      <sz val="11"/>
      <name val="Arial"/>
      <family val="2"/>
    </font>
    <font>
      <sz val="11"/>
      <color theme="1"/>
      <name val="Arial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4">
    <xf numFmtId="0" fontId="0" fillId="0" borderId="0"/>
    <xf numFmtId="0" fontId="1" fillId="0" borderId="0"/>
    <xf numFmtId="0" fontId="2" fillId="0" borderId="0" applyNumberFormat="0" applyFill="0" applyBorder="0" applyAlignment="0" applyProtection="0"/>
    <xf numFmtId="0" fontId="3" fillId="0" borderId="0" applyNumberFormat="0" applyFill="0" applyBorder="0" applyAlignment="0" applyProtection="0"/>
  </cellStyleXfs>
  <cellXfs count="15">
    <xf numFmtId="0" fontId="0" fillId="0" borderId="0" xfId="0"/>
    <xf numFmtId="0" fontId="4" fillId="0" borderId="1" xfId="1" applyFont="1" applyFill="1" applyBorder="1" applyAlignment="1">
      <alignment wrapText="1"/>
    </xf>
    <xf numFmtId="0" fontId="5" fillId="0" borderId="1" xfId="1" applyFont="1" applyFill="1" applyBorder="1" applyAlignment="1">
      <alignment wrapText="1"/>
    </xf>
    <xf numFmtId="0" fontId="5" fillId="0" borderId="1" xfId="0" applyFont="1" applyFill="1" applyBorder="1"/>
    <xf numFmtId="0" fontId="6" fillId="0" borderId="1" xfId="0" applyFont="1" applyFill="1" applyBorder="1"/>
    <xf numFmtId="0" fontId="6" fillId="0" borderId="1" xfId="0" applyNumberFormat="1" applyFont="1" applyBorder="1" applyAlignment="1">
      <alignment vertical="top"/>
    </xf>
    <xf numFmtId="0" fontId="6" fillId="0" borderId="1" xfId="0" applyFont="1" applyBorder="1"/>
    <xf numFmtId="49" fontId="5" fillId="0" borderId="1" xfId="0" applyNumberFormat="1" applyFont="1" applyFill="1" applyBorder="1" applyAlignment="1">
      <alignment vertical="top"/>
    </xf>
    <xf numFmtId="49" fontId="5" fillId="0" borderId="1" xfId="0" applyNumberFormat="1" applyFont="1" applyBorder="1"/>
    <xf numFmtId="0" fontId="5" fillId="0" borderId="1" xfId="0" applyNumberFormat="1" applyFont="1" applyFill="1" applyBorder="1" applyAlignment="1">
      <alignment vertical="top"/>
    </xf>
    <xf numFmtId="0" fontId="5" fillId="0" borderId="1" xfId="0" applyFont="1" applyBorder="1"/>
    <xf numFmtId="0" fontId="7" fillId="0" borderId="1" xfId="0" applyFont="1" applyBorder="1" applyAlignment="1">
      <alignment wrapText="1"/>
    </xf>
    <xf numFmtId="0" fontId="7" fillId="0" borderId="1" xfId="0" applyFont="1" applyBorder="1" applyAlignment="1">
      <alignment vertical="center" wrapText="1"/>
    </xf>
    <xf numFmtId="0" fontId="5" fillId="0" borderId="1" xfId="0" applyFont="1" applyBorder="1" applyAlignment="1">
      <alignment wrapText="1"/>
    </xf>
    <xf numFmtId="0" fontId="5" fillId="0" borderId="1" xfId="0" applyNumberFormat="1" applyFont="1" applyBorder="1" applyAlignment="1">
      <alignment vertical="top"/>
    </xf>
  </cellXfs>
  <cellStyles count="4">
    <cellStyle name="Followed Hyperlink" xfId="3" builtinId="9" hidden="1"/>
    <cellStyle name="Hyperlink" xfId="2" builtinId="8" hidden="1"/>
    <cellStyle name="Normal" xfId="0" builtinId="0"/>
    <cellStyle name="Normal_Sheet1" xfId="1" xr:uid="{00000000-0005-0000-0000-000003000000}"/>
  </cellStyles>
  <dxfs count="0"/>
  <tableStyles count="0" defaultTableStyle="TableStyleMedium9" defaultPivotStyle="PivotStyleLight16"/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9999FF"/>
      <rgbColor rgb="00993366"/>
      <rgbColor rgb="00FFFFCC"/>
      <rgbColor rgb="00CCFFFF"/>
      <rgbColor rgb="00660066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2</xdr:col>
      <xdr:colOff>1076325</xdr:colOff>
      <xdr:row>218</xdr:row>
      <xdr:rowOff>0</xdr:rowOff>
    </xdr:from>
    <xdr:to>
      <xdr:col>2</xdr:col>
      <xdr:colOff>1171575</xdr:colOff>
      <xdr:row>219</xdr:row>
      <xdr:rowOff>19050</xdr:rowOff>
    </xdr:to>
    <xdr:sp macro="" textlink="">
      <xdr:nvSpPr>
        <xdr:cNvPr id="1756" name="Text Box 10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 txBox="1">
          <a:spLocks noChangeArrowheads="1"/>
        </xdr:cNvSpPr>
      </xdr:nvSpPr>
      <xdr:spPr bwMode="auto">
        <a:xfrm>
          <a:off x="7524750" y="43500675"/>
          <a:ext cx="95250" cy="200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2</xdr:col>
      <xdr:colOff>1076325</xdr:colOff>
      <xdr:row>213</xdr:row>
      <xdr:rowOff>0</xdr:rowOff>
    </xdr:from>
    <xdr:to>
      <xdr:col>2</xdr:col>
      <xdr:colOff>1171575</xdr:colOff>
      <xdr:row>214</xdr:row>
      <xdr:rowOff>19051</xdr:rowOff>
    </xdr:to>
    <xdr:sp macro="" textlink="">
      <xdr:nvSpPr>
        <xdr:cNvPr id="1757" name="Text Box 10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 txBox="1">
          <a:spLocks noChangeArrowheads="1"/>
        </xdr:cNvSpPr>
      </xdr:nvSpPr>
      <xdr:spPr bwMode="auto">
        <a:xfrm>
          <a:off x="7524750" y="42595800"/>
          <a:ext cx="95250" cy="2000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Sheet1"/>
  <dimension ref="A1:D599"/>
  <sheetViews>
    <sheetView tabSelected="1" zoomScale="80" zoomScaleNormal="80" zoomScaleSheetLayoutView="85" zoomScalePageLayoutView="80" workbookViewId="0">
      <pane ySplit="2" topLeftCell="A3" activePane="bottomLeft" state="frozen"/>
      <selection pane="bottomLeft" activeCell="A6" sqref="A6"/>
    </sheetView>
  </sheetViews>
  <sheetFormatPr defaultColWidth="9.140625" defaultRowHeight="14.25" x14ac:dyDescent="0.2"/>
  <cols>
    <col min="1" max="1" width="48.28515625" style="3" bestFit="1" customWidth="1"/>
    <col min="2" max="2" width="6" style="14" bestFit="1" customWidth="1"/>
    <col min="3" max="3" width="33.28515625" style="10" bestFit="1" customWidth="1"/>
    <col min="4" max="4" width="47.42578125" style="10" bestFit="1" customWidth="1"/>
    <col min="5" max="16384" width="9.140625" style="10"/>
  </cols>
  <sheetData>
    <row r="1" spans="1:4" s="6" customFormat="1" ht="15" x14ac:dyDescent="0.25">
      <c r="A1" s="4" t="s">
        <v>746</v>
      </c>
      <c r="B1" s="5" t="s">
        <v>747</v>
      </c>
      <c r="C1" s="6" t="s">
        <v>748</v>
      </c>
      <c r="D1" s="6" t="s">
        <v>749</v>
      </c>
    </row>
    <row r="2" spans="1:4" s="3" customFormat="1" x14ac:dyDescent="0.2">
      <c r="A2" s="3" t="s">
        <v>51</v>
      </c>
      <c r="B2" s="7" t="s">
        <v>41</v>
      </c>
      <c r="C2" s="8" t="s">
        <v>151</v>
      </c>
      <c r="D2" s="1"/>
    </row>
    <row r="3" spans="1:4" s="3" customFormat="1" x14ac:dyDescent="0.2">
      <c r="A3" s="3" t="s">
        <v>52</v>
      </c>
      <c r="B3" s="9" t="s">
        <v>41</v>
      </c>
      <c r="C3" s="8" t="s">
        <v>101</v>
      </c>
      <c r="D3" s="1"/>
    </row>
    <row r="4" spans="1:4" s="3" customFormat="1" x14ac:dyDescent="0.2">
      <c r="A4" s="3" t="s">
        <v>2</v>
      </c>
      <c r="B4" s="9">
        <v>10</v>
      </c>
      <c r="C4" s="1" t="s">
        <v>312</v>
      </c>
      <c r="D4" s="10" t="s">
        <v>313</v>
      </c>
    </row>
    <row r="5" spans="1:4" s="3" customFormat="1" x14ac:dyDescent="0.2">
      <c r="A5" s="3" t="s">
        <v>2</v>
      </c>
      <c r="B5" s="9">
        <v>9</v>
      </c>
      <c r="C5" s="1" t="s">
        <v>120</v>
      </c>
      <c r="D5" s="10" t="s">
        <v>314</v>
      </c>
    </row>
    <row r="6" spans="1:4" s="3" customFormat="1" x14ac:dyDescent="0.2">
      <c r="A6" s="3" t="s">
        <v>2</v>
      </c>
      <c r="B6" s="9">
        <v>8</v>
      </c>
      <c r="C6" s="1" t="s">
        <v>315</v>
      </c>
      <c r="D6" s="10" t="s">
        <v>316</v>
      </c>
    </row>
    <row r="7" spans="1:4" s="3" customFormat="1" x14ac:dyDescent="0.2">
      <c r="A7" s="3" t="s">
        <v>2</v>
      </c>
      <c r="B7" s="9">
        <v>7</v>
      </c>
      <c r="C7" s="3" t="s">
        <v>101</v>
      </c>
      <c r="D7" s="11" t="s">
        <v>317</v>
      </c>
    </row>
    <row r="8" spans="1:4" s="3" customFormat="1" x14ac:dyDescent="0.2">
      <c r="A8" s="3" t="s">
        <v>2</v>
      </c>
      <c r="B8" s="9">
        <v>6</v>
      </c>
      <c r="C8" s="1" t="s">
        <v>178</v>
      </c>
      <c r="D8" s="10" t="s">
        <v>318</v>
      </c>
    </row>
    <row r="9" spans="1:4" s="3" customFormat="1" x14ac:dyDescent="0.2">
      <c r="A9" s="3" t="s">
        <v>2</v>
      </c>
      <c r="B9" s="9">
        <v>5</v>
      </c>
      <c r="C9" s="1" t="s">
        <v>319</v>
      </c>
      <c r="D9" s="10" t="s">
        <v>320</v>
      </c>
    </row>
    <row r="10" spans="1:4" s="3" customFormat="1" x14ac:dyDescent="0.2">
      <c r="A10" s="3" t="s">
        <v>2</v>
      </c>
      <c r="B10" s="9">
        <v>4</v>
      </c>
      <c r="C10" s="1" t="s">
        <v>67</v>
      </c>
      <c r="D10" s="10" t="s">
        <v>321</v>
      </c>
    </row>
    <row r="11" spans="1:4" s="3" customFormat="1" x14ac:dyDescent="0.2">
      <c r="A11" s="3" t="s">
        <v>2</v>
      </c>
      <c r="B11" s="9">
        <v>3</v>
      </c>
      <c r="C11" s="1" t="s">
        <v>282</v>
      </c>
      <c r="D11" s="10" t="s">
        <v>322</v>
      </c>
    </row>
    <row r="12" spans="1:4" s="3" customFormat="1" x14ac:dyDescent="0.2">
      <c r="A12" s="3" t="s">
        <v>2</v>
      </c>
      <c r="B12" s="9">
        <v>2</v>
      </c>
      <c r="C12" s="1" t="s">
        <v>120</v>
      </c>
      <c r="D12" s="10" t="s">
        <v>323</v>
      </c>
    </row>
    <row r="13" spans="1:4" s="3" customFormat="1" x14ac:dyDescent="0.2">
      <c r="A13" s="3" t="s">
        <v>2</v>
      </c>
      <c r="B13" s="9">
        <v>1</v>
      </c>
      <c r="C13" s="1" t="s">
        <v>282</v>
      </c>
      <c r="D13" s="10" t="s">
        <v>324</v>
      </c>
    </row>
    <row r="14" spans="1:4" s="3" customFormat="1" x14ac:dyDescent="0.2">
      <c r="A14" s="3" t="s">
        <v>3</v>
      </c>
      <c r="B14" s="9">
        <v>10</v>
      </c>
      <c r="C14" s="1" t="s">
        <v>81</v>
      </c>
      <c r="D14" s="10" t="s">
        <v>92</v>
      </c>
    </row>
    <row r="15" spans="1:4" s="3" customFormat="1" x14ac:dyDescent="0.2">
      <c r="A15" s="3" t="s">
        <v>3</v>
      </c>
      <c r="B15" s="9">
        <v>9</v>
      </c>
      <c r="C15" s="1" t="s">
        <v>71</v>
      </c>
      <c r="D15" s="10" t="s">
        <v>93</v>
      </c>
    </row>
    <row r="16" spans="1:4" s="3" customFormat="1" x14ac:dyDescent="0.2">
      <c r="A16" s="3" t="s">
        <v>3</v>
      </c>
      <c r="B16" s="9">
        <v>8</v>
      </c>
      <c r="C16" s="1" t="s">
        <v>94</v>
      </c>
      <c r="D16" s="10" t="s">
        <v>95</v>
      </c>
    </row>
    <row r="17" spans="1:4" s="3" customFormat="1" x14ac:dyDescent="0.2">
      <c r="A17" s="3" t="s">
        <v>3</v>
      </c>
      <c r="B17" s="9">
        <v>7</v>
      </c>
      <c r="C17" s="1" t="s">
        <v>96</v>
      </c>
      <c r="D17" s="10" t="s">
        <v>97</v>
      </c>
    </row>
    <row r="18" spans="1:4" s="3" customFormat="1" x14ac:dyDescent="0.2">
      <c r="A18" s="3" t="s">
        <v>3</v>
      </c>
      <c r="B18" s="9">
        <v>6</v>
      </c>
      <c r="C18" s="1" t="s">
        <v>94</v>
      </c>
      <c r="D18" s="10" t="s">
        <v>98</v>
      </c>
    </row>
    <row r="19" spans="1:4" s="3" customFormat="1" x14ac:dyDescent="0.2">
      <c r="A19" s="3" t="s">
        <v>3</v>
      </c>
      <c r="B19" s="9">
        <v>5</v>
      </c>
      <c r="C19" s="1" t="s">
        <v>69</v>
      </c>
      <c r="D19" s="10" t="s">
        <v>99</v>
      </c>
    </row>
    <row r="20" spans="1:4" s="3" customFormat="1" x14ac:dyDescent="0.2">
      <c r="A20" s="3" t="s">
        <v>3</v>
      </c>
      <c r="B20" s="9">
        <v>4</v>
      </c>
      <c r="C20" s="1" t="s">
        <v>84</v>
      </c>
      <c r="D20" s="10" t="s">
        <v>100</v>
      </c>
    </row>
    <row r="21" spans="1:4" s="3" customFormat="1" x14ac:dyDescent="0.2">
      <c r="A21" s="3" t="s">
        <v>3</v>
      </c>
      <c r="B21" s="9">
        <v>3</v>
      </c>
      <c r="C21" s="3" t="s">
        <v>101</v>
      </c>
      <c r="D21" s="11" t="s">
        <v>102</v>
      </c>
    </row>
    <row r="22" spans="1:4" s="3" customFormat="1" x14ac:dyDescent="0.2">
      <c r="A22" s="3" t="s">
        <v>3</v>
      </c>
      <c r="B22" s="9">
        <v>2</v>
      </c>
      <c r="C22" s="1" t="s">
        <v>96</v>
      </c>
      <c r="D22" s="10" t="s">
        <v>103</v>
      </c>
    </row>
    <row r="23" spans="1:4" s="3" customFormat="1" x14ac:dyDescent="0.2">
      <c r="A23" s="3" t="s">
        <v>3</v>
      </c>
      <c r="B23" s="9">
        <v>1</v>
      </c>
      <c r="C23" s="1" t="s">
        <v>86</v>
      </c>
      <c r="D23" s="10" t="s">
        <v>104</v>
      </c>
    </row>
    <row r="24" spans="1:4" s="3" customFormat="1" x14ac:dyDescent="0.2">
      <c r="A24" s="3" t="s">
        <v>4</v>
      </c>
      <c r="B24" s="9">
        <v>10</v>
      </c>
      <c r="C24" s="2" t="s">
        <v>174</v>
      </c>
      <c r="D24" s="2" t="s">
        <v>175</v>
      </c>
    </row>
    <row r="25" spans="1:4" s="3" customFormat="1" x14ac:dyDescent="0.2">
      <c r="A25" s="3" t="s">
        <v>4</v>
      </c>
      <c r="B25" s="9">
        <v>9</v>
      </c>
      <c r="C25" s="2" t="s">
        <v>114</v>
      </c>
      <c r="D25" s="2" t="s">
        <v>176</v>
      </c>
    </row>
    <row r="26" spans="1:4" s="3" customFormat="1" x14ac:dyDescent="0.2">
      <c r="A26" s="3" t="s">
        <v>4</v>
      </c>
      <c r="B26" s="9">
        <v>8</v>
      </c>
      <c r="C26" s="1" t="s">
        <v>171</v>
      </c>
      <c r="D26" s="1" t="s">
        <v>177</v>
      </c>
    </row>
    <row r="27" spans="1:4" s="3" customFormat="1" x14ac:dyDescent="0.2">
      <c r="A27" s="3" t="s">
        <v>4</v>
      </c>
      <c r="B27" s="9">
        <v>7</v>
      </c>
      <c r="C27" s="1" t="s">
        <v>178</v>
      </c>
      <c r="D27" s="1" t="s">
        <v>179</v>
      </c>
    </row>
    <row r="28" spans="1:4" s="3" customFormat="1" x14ac:dyDescent="0.2">
      <c r="A28" s="3" t="s">
        <v>4</v>
      </c>
      <c r="B28" s="9">
        <v>6</v>
      </c>
      <c r="C28" s="1" t="s">
        <v>67</v>
      </c>
      <c r="D28" s="1" t="s">
        <v>180</v>
      </c>
    </row>
    <row r="29" spans="1:4" s="3" customFormat="1" x14ac:dyDescent="0.2">
      <c r="A29" s="3" t="s">
        <v>4</v>
      </c>
      <c r="B29" s="9">
        <v>5</v>
      </c>
      <c r="C29" s="1" t="s">
        <v>181</v>
      </c>
      <c r="D29" s="1" t="s">
        <v>182</v>
      </c>
    </row>
    <row r="30" spans="1:4" s="3" customFormat="1" x14ac:dyDescent="0.2">
      <c r="A30" s="3" t="s">
        <v>4</v>
      </c>
      <c r="B30" s="9">
        <v>4</v>
      </c>
      <c r="C30" s="1" t="s">
        <v>183</v>
      </c>
      <c r="D30" s="1" t="s">
        <v>184</v>
      </c>
    </row>
    <row r="31" spans="1:4" s="3" customFormat="1" x14ac:dyDescent="0.2">
      <c r="A31" s="3" t="s">
        <v>4</v>
      </c>
      <c r="B31" s="9">
        <v>3</v>
      </c>
      <c r="C31" s="1" t="s">
        <v>81</v>
      </c>
      <c r="D31" s="1" t="s">
        <v>185</v>
      </c>
    </row>
    <row r="32" spans="1:4" s="3" customFormat="1" x14ac:dyDescent="0.2">
      <c r="A32" s="3" t="s">
        <v>4</v>
      </c>
      <c r="B32" s="9">
        <v>2</v>
      </c>
      <c r="C32" s="1" t="s">
        <v>90</v>
      </c>
      <c r="D32" s="1" t="s">
        <v>186</v>
      </c>
    </row>
    <row r="33" spans="1:4" s="3" customFormat="1" x14ac:dyDescent="0.2">
      <c r="A33" s="3" t="s">
        <v>4</v>
      </c>
      <c r="B33" s="9">
        <v>1</v>
      </c>
      <c r="C33" s="1" t="s">
        <v>88</v>
      </c>
      <c r="D33" s="1" t="s">
        <v>187</v>
      </c>
    </row>
    <row r="34" spans="1:4" s="3" customFormat="1" x14ac:dyDescent="0.2">
      <c r="A34" s="3" t="s">
        <v>5</v>
      </c>
      <c r="B34" s="9">
        <v>10</v>
      </c>
      <c r="C34" s="3" t="s">
        <v>125</v>
      </c>
      <c r="D34" s="10" t="s">
        <v>662</v>
      </c>
    </row>
    <row r="35" spans="1:4" s="3" customFormat="1" x14ac:dyDescent="0.2">
      <c r="A35" s="3" t="s">
        <v>5</v>
      </c>
      <c r="B35" s="9">
        <v>9</v>
      </c>
      <c r="C35" s="3" t="s">
        <v>62</v>
      </c>
      <c r="D35" s="10" t="s">
        <v>663</v>
      </c>
    </row>
    <row r="36" spans="1:4" s="3" customFormat="1" x14ac:dyDescent="0.2">
      <c r="A36" s="3" t="s">
        <v>5</v>
      </c>
      <c r="B36" s="9">
        <v>8</v>
      </c>
      <c r="C36" s="10" t="s">
        <v>118</v>
      </c>
      <c r="D36" s="10" t="s">
        <v>664</v>
      </c>
    </row>
    <row r="37" spans="1:4" s="3" customFormat="1" x14ac:dyDescent="0.2">
      <c r="A37" s="3" t="s">
        <v>5</v>
      </c>
      <c r="B37" s="9">
        <v>7</v>
      </c>
      <c r="C37" s="10" t="s">
        <v>125</v>
      </c>
      <c r="D37" s="10" t="s">
        <v>665</v>
      </c>
    </row>
    <row r="38" spans="1:4" s="3" customFormat="1" x14ac:dyDescent="0.2">
      <c r="A38" s="3" t="s">
        <v>5</v>
      </c>
      <c r="B38" s="9">
        <v>6</v>
      </c>
      <c r="C38" s="10" t="s">
        <v>233</v>
      </c>
      <c r="D38" s="10" t="s">
        <v>666</v>
      </c>
    </row>
    <row r="39" spans="1:4" s="3" customFormat="1" x14ac:dyDescent="0.2">
      <c r="A39" s="3" t="s">
        <v>5</v>
      </c>
      <c r="B39" s="9">
        <v>5</v>
      </c>
      <c r="C39" s="3" t="s">
        <v>667</v>
      </c>
      <c r="D39" s="10" t="s">
        <v>668</v>
      </c>
    </row>
    <row r="40" spans="1:4" s="3" customFormat="1" x14ac:dyDescent="0.2">
      <c r="A40" s="3" t="s">
        <v>5</v>
      </c>
      <c r="B40" s="9">
        <v>4</v>
      </c>
      <c r="C40" s="10" t="s">
        <v>669</v>
      </c>
      <c r="D40" s="10" t="s">
        <v>670</v>
      </c>
    </row>
    <row r="41" spans="1:4" s="3" customFormat="1" x14ac:dyDescent="0.2">
      <c r="A41" s="3" t="s">
        <v>5</v>
      </c>
      <c r="B41" s="9">
        <v>3</v>
      </c>
      <c r="C41" s="3" t="s">
        <v>178</v>
      </c>
      <c r="D41" s="10" t="s">
        <v>671</v>
      </c>
    </row>
    <row r="42" spans="1:4" s="3" customFormat="1" x14ac:dyDescent="0.2">
      <c r="A42" s="3" t="s">
        <v>5</v>
      </c>
      <c r="B42" s="9">
        <v>2</v>
      </c>
      <c r="C42" s="3" t="s">
        <v>233</v>
      </c>
      <c r="D42" s="10" t="s">
        <v>672</v>
      </c>
    </row>
    <row r="43" spans="1:4" s="3" customFormat="1" x14ac:dyDescent="0.2">
      <c r="A43" s="3" t="s">
        <v>5</v>
      </c>
      <c r="B43" s="9">
        <v>1</v>
      </c>
      <c r="C43" s="3" t="s">
        <v>239</v>
      </c>
      <c r="D43" s="10" t="s">
        <v>673</v>
      </c>
    </row>
    <row r="44" spans="1:4" s="3" customFormat="1" x14ac:dyDescent="0.2">
      <c r="A44" s="3" t="s">
        <v>6</v>
      </c>
      <c r="B44" s="9">
        <v>10</v>
      </c>
      <c r="C44" s="1" t="s">
        <v>235</v>
      </c>
      <c r="D44" s="10" t="s">
        <v>326</v>
      </c>
    </row>
    <row r="45" spans="1:4" s="3" customFormat="1" x14ac:dyDescent="0.2">
      <c r="A45" s="3" t="s">
        <v>6</v>
      </c>
      <c r="B45" s="9">
        <v>9</v>
      </c>
      <c r="C45" s="1" t="s">
        <v>295</v>
      </c>
      <c r="D45" s="10" t="s">
        <v>327</v>
      </c>
    </row>
    <row r="46" spans="1:4" s="3" customFormat="1" x14ac:dyDescent="0.2">
      <c r="A46" s="3" t="s">
        <v>6</v>
      </c>
      <c r="B46" s="9">
        <v>8</v>
      </c>
      <c r="C46" s="1" t="s">
        <v>114</v>
      </c>
      <c r="D46" s="10" t="s">
        <v>328</v>
      </c>
    </row>
    <row r="47" spans="1:4" s="3" customFormat="1" x14ac:dyDescent="0.2">
      <c r="A47" s="3" t="s">
        <v>6</v>
      </c>
      <c r="B47" s="9">
        <v>7</v>
      </c>
      <c r="C47" s="1" t="s">
        <v>329</v>
      </c>
      <c r="D47" s="10" t="s">
        <v>330</v>
      </c>
    </row>
    <row r="48" spans="1:4" s="3" customFormat="1" x14ac:dyDescent="0.2">
      <c r="A48" s="3" t="s">
        <v>6</v>
      </c>
      <c r="B48" s="9">
        <v>6</v>
      </c>
      <c r="C48" s="1" t="s">
        <v>297</v>
      </c>
      <c r="D48" s="10" t="s">
        <v>331</v>
      </c>
    </row>
    <row r="49" spans="1:4" s="3" customFormat="1" x14ac:dyDescent="0.2">
      <c r="A49" s="3" t="s">
        <v>6</v>
      </c>
      <c r="B49" s="9">
        <v>5</v>
      </c>
      <c r="C49" s="10" t="s">
        <v>251</v>
      </c>
      <c r="D49" s="12" t="s">
        <v>332</v>
      </c>
    </row>
    <row r="50" spans="1:4" s="3" customFormat="1" x14ac:dyDescent="0.2">
      <c r="A50" s="3" t="s">
        <v>6</v>
      </c>
      <c r="B50" s="9">
        <v>4</v>
      </c>
      <c r="C50" s="3" t="s">
        <v>101</v>
      </c>
      <c r="D50" s="11" t="s">
        <v>333</v>
      </c>
    </row>
    <row r="51" spans="1:4" s="3" customFormat="1" x14ac:dyDescent="0.2">
      <c r="A51" s="3" t="s">
        <v>6</v>
      </c>
      <c r="B51" s="9">
        <v>3</v>
      </c>
      <c r="C51" s="1" t="s">
        <v>334</v>
      </c>
      <c r="D51" s="10" t="s">
        <v>335</v>
      </c>
    </row>
    <row r="52" spans="1:4" s="3" customFormat="1" x14ac:dyDescent="0.2">
      <c r="A52" s="3" t="s">
        <v>6</v>
      </c>
      <c r="B52" s="9">
        <v>2</v>
      </c>
      <c r="C52" s="1" t="s">
        <v>174</v>
      </c>
      <c r="D52" s="10" t="s">
        <v>549</v>
      </c>
    </row>
    <row r="53" spans="1:4" s="3" customFormat="1" x14ac:dyDescent="0.2">
      <c r="A53" s="3" t="s">
        <v>6</v>
      </c>
      <c r="B53" s="9">
        <v>1</v>
      </c>
      <c r="C53" s="1" t="s">
        <v>120</v>
      </c>
      <c r="D53" s="10" t="s">
        <v>336</v>
      </c>
    </row>
    <row r="54" spans="1:4" s="3" customFormat="1" x14ac:dyDescent="0.2">
      <c r="A54" s="3" t="s">
        <v>0</v>
      </c>
      <c r="B54" s="9">
        <v>10</v>
      </c>
      <c r="C54" s="1" t="s">
        <v>178</v>
      </c>
      <c r="D54" s="3" t="s">
        <v>286</v>
      </c>
    </row>
    <row r="55" spans="1:4" s="3" customFormat="1" x14ac:dyDescent="0.2">
      <c r="A55" s="3" t="s">
        <v>0</v>
      </c>
      <c r="B55" s="9">
        <v>9</v>
      </c>
      <c r="C55" s="1" t="s">
        <v>181</v>
      </c>
      <c r="D55" s="10" t="s">
        <v>287</v>
      </c>
    </row>
    <row r="56" spans="1:4" s="3" customFormat="1" x14ac:dyDescent="0.2">
      <c r="A56" s="3" t="s">
        <v>0</v>
      </c>
      <c r="B56" s="9">
        <v>8</v>
      </c>
      <c r="C56" s="1" t="s">
        <v>142</v>
      </c>
      <c r="D56" s="10" t="s">
        <v>288</v>
      </c>
    </row>
    <row r="57" spans="1:4" s="3" customFormat="1" x14ac:dyDescent="0.2">
      <c r="A57" s="3" t="s">
        <v>0</v>
      </c>
      <c r="B57" s="9">
        <v>7</v>
      </c>
      <c r="C57" s="1" t="s">
        <v>94</v>
      </c>
      <c r="D57" s="10" t="s">
        <v>289</v>
      </c>
    </row>
    <row r="58" spans="1:4" s="3" customFormat="1" x14ac:dyDescent="0.2">
      <c r="A58" s="3" t="s">
        <v>0</v>
      </c>
      <c r="B58" s="9">
        <v>6</v>
      </c>
      <c r="C58" s="1" t="s">
        <v>290</v>
      </c>
      <c r="D58" s="10" t="s">
        <v>291</v>
      </c>
    </row>
    <row r="59" spans="1:4" s="3" customFormat="1" x14ac:dyDescent="0.2">
      <c r="A59" s="3" t="s">
        <v>0</v>
      </c>
      <c r="B59" s="9">
        <v>5</v>
      </c>
      <c r="C59" s="1" t="s">
        <v>207</v>
      </c>
      <c r="D59" s="10" t="s">
        <v>292</v>
      </c>
    </row>
    <row r="60" spans="1:4" s="3" customFormat="1" x14ac:dyDescent="0.2">
      <c r="A60" s="3" t="s">
        <v>0</v>
      </c>
      <c r="B60" s="9">
        <v>4</v>
      </c>
      <c r="C60" s="1" t="s">
        <v>122</v>
      </c>
      <c r="D60" s="10" t="s">
        <v>293</v>
      </c>
    </row>
    <row r="61" spans="1:4" s="3" customFormat="1" x14ac:dyDescent="0.2">
      <c r="A61" s="3" t="s">
        <v>0</v>
      </c>
      <c r="B61" s="9">
        <v>3</v>
      </c>
      <c r="C61" s="1" t="s">
        <v>94</v>
      </c>
      <c r="D61" s="10" t="s">
        <v>294</v>
      </c>
    </row>
    <row r="62" spans="1:4" s="3" customFormat="1" x14ac:dyDescent="0.2">
      <c r="A62" s="3" t="s">
        <v>0</v>
      </c>
      <c r="B62" s="9">
        <v>2</v>
      </c>
      <c r="C62" s="1" t="s">
        <v>295</v>
      </c>
      <c r="D62" s="10" t="s">
        <v>296</v>
      </c>
    </row>
    <row r="63" spans="1:4" s="3" customFormat="1" x14ac:dyDescent="0.2">
      <c r="A63" s="3" t="s">
        <v>0</v>
      </c>
      <c r="B63" s="9">
        <v>1</v>
      </c>
      <c r="C63" s="1" t="s">
        <v>297</v>
      </c>
      <c r="D63" s="10" t="s">
        <v>298</v>
      </c>
    </row>
    <row r="64" spans="1:4" s="3" customFormat="1" x14ac:dyDescent="0.2">
      <c r="A64" s="3" t="s">
        <v>7</v>
      </c>
      <c r="B64" s="9">
        <v>10</v>
      </c>
      <c r="C64" s="1" t="s">
        <v>202</v>
      </c>
      <c r="D64" s="1" t="s">
        <v>383</v>
      </c>
    </row>
    <row r="65" spans="1:4" s="3" customFormat="1" x14ac:dyDescent="0.2">
      <c r="A65" s="3" t="s">
        <v>7</v>
      </c>
      <c r="B65" s="9">
        <v>9</v>
      </c>
      <c r="C65" s="1" t="s">
        <v>84</v>
      </c>
      <c r="D65" s="1" t="s">
        <v>384</v>
      </c>
    </row>
    <row r="66" spans="1:4" s="3" customFormat="1" x14ac:dyDescent="0.2">
      <c r="A66" s="3" t="s">
        <v>7</v>
      </c>
      <c r="B66" s="9">
        <v>8</v>
      </c>
      <c r="C66" s="1" t="s">
        <v>154</v>
      </c>
      <c r="D66" s="1" t="s">
        <v>385</v>
      </c>
    </row>
    <row r="67" spans="1:4" s="3" customFormat="1" x14ac:dyDescent="0.2">
      <c r="A67" s="3" t="s">
        <v>7</v>
      </c>
      <c r="B67" s="9">
        <v>7</v>
      </c>
      <c r="C67" s="1" t="s">
        <v>174</v>
      </c>
      <c r="D67" s="1" t="s">
        <v>386</v>
      </c>
    </row>
    <row r="68" spans="1:4" s="3" customFormat="1" x14ac:dyDescent="0.2">
      <c r="A68" s="3" t="s">
        <v>7</v>
      </c>
      <c r="B68" s="9">
        <v>6</v>
      </c>
      <c r="C68" s="1" t="s">
        <v>387</v>
      </c>
      <c r="D68" s="1" t="s">
        <v>388</v>
      </c>
    </row>
    <row r="69" spans="1:4" s="3" customFormat="1" x14ac:dyDescent="0.2">
      <c r="A69" s="3" t="s">
        <v>7</v>
      </c>
      <c r="B69" s="9">
        <v>5</v>
      </c>
      <c r="C69" s="1" t="s">
        <v>369</v>
      </c>
      <c r="D69" s="1" t="s">
        <v>389</v>
      </c>
    </row>
    <row r="70" spans="1:4" s="3" customFormat="1" x14ac:dyDescent="0.2">
      <c r="A70" s="3" t="s">
        <v>7</v>
      </c>
      <c r="B70" s="9">
        <v>4</v>
      </c>
      <c r="C70" s="1" t="s">
        <v>122</v>
      </c>
      <c r="D70" s="1" t="s">
        <v>390</v>
      </c>
    </row>
    <row r="71" spans="1:4" s="3" customFormat="1" x14ac:dyDescent="0.2">
      <c r="A71" s="3" t="s">
        <v>7</v>
      </c>
      <c r="B71" s="9">
        <v>3</v>
      </c>
      <c r="C71" s="1" t="s">
        <v>233</v>
      </c>
      <c r="D71" s="1" t="s">
        <v>391</v>
      </c>
    </row>
    <row r="72" spans="1:4" s="3" customFormat="1" x14ac:dyDescent="0.2">
      <c r="A72" s="3" t="s">
        <v>7</v>
      </c>
      <c r="B72" s="9">
        <v>2</v>
      </c>
      <c r="C72" s="1" t="s">
        <v>62</v>
      </c>
      <c r="D72" s="1" t="s">
        <v>392</v>
      </c>
    </row>
    <row r="73" spans="1:4" s="3" customFormat="1" x14ac:dyDescent="0.2">
      <c r="A73" s="3" t="s">
        <v>7</v>
      </c>
      <c r="B73" s="9">
        <v>1</v>
      </c>
      <c r="C73" s="1" t="s">
        <v>181</v>
      </c>
      <c r="D73" s="1" t="s">
        <v>393</v>
      </c>
    </row>
    <row r="74" spans="1:4" s="3" customFormat="1" x14ac:dyDescent="0.2">
      <c r="A74" s="3" t="s">
        <v>8</v>
      </c>
      <c r="B74" s="9">
        <v>10</v>
      </c>
      <c r="C74" s="1" t="s">
        <v>195</v>
      </c>
      <c r="D74" s="1" t="s">
        <v>196</v>
      </c>
    </row>
    <row r="75" spans="1:4" s="3" customFormat="1" x14ac:dyDescent="0.2">
      <c r="A75" s="3" t="s">
        <v>8</v>
      </c>
      <c r="B75" s="9">
        <v>9</v>
      </c>
      <c r="C75" s="3" t="s">
        <v>101</v>
      </c>
      <c r="D75" s="11" t="s">
        <v>197</v>
      </c>
    </row>
    <row r="76" spans="1:4" s="3" customFormat="1" x14ac:dyDescent="0.2">
      <c r="A76" s="3" t="s">
        <v>8</v>
      </c>
      <c r="B76" s="9">
        <v>8</v>
      </c>
      <c r="C76" s="1" t="s">
        <v>198</v>
      </c>
      <c r="D76" s="1" t="s">
        <v>199</v>
      </c>
    </row>
    <row r="77" spans="1:4" s="3" customFormat="1" x14ac:dyDescent="0.2">
      <c r="A77" s="3" t="s">
        <v>8</v>
      </c>
      <c r="B77" s="9">
        <v>7</v>
      </c>
      <c r="C77" s="1" t="s">
        <v>200</v>
      </c>
      <c r="D77" s="1" t="s">
        <v>201</v>
      </c>
    </row>
    <row r="78" spans="1:4" s="3" customFormat="1" x14ac:dyDescent="0.2">
      <c r="A78" s="3" t="s">
        <v>8</v>
      </c>
      <c r="B78" s="9">
        <v>6</v>
      </c>
      <c r="C78" s="1" t="s">
        <v>202</v>
      </c>
      <c r="D78" s="1" t="s">
        <v>203</v>
      </c>
    </row>
    <row r="79" spans="1:4" s="3" customFormat="1" x14ac:dyDescent="0.2">
      <c r="A79" s="3" t="s">
        <v>8</v>
      </c>
      <c r="B79" s="9">
        <v>5</v>
      </c>
      <c r="C79" s="1" t="s">
        <v>114</v>
      </c>
      <c r="D79" s="1" t="s">
        <v>204</v>
      </c>
    </row>
    <row r="80" spans="1:4" s="3" customFormat="1" x14ac:dyDescent="0.2">
      <c r="A80" s="3" t="s">
        <v>8</v>
      </c>
      <c r="B80" s="9">
        <v>4</v>
      </c>
      <c r="C80" s="1" t="s">
        <v>205</v>
      </c>
      <c r="D80" s="1" t="s">
        <v>206</v>
      </c>
    </row>
    <row r="81" spans="1:4" s="3" customFormat="1" x14ac:dyDescent="0.2">
      <c r="A81" s="3" t="s">
        <v>8</v>
      </c>
      <c r="B81" s="9">
        <v>3</v>
      </c>
      <c r="C81" s="1" t="s">
        <v>207</v>
      </c>
      <c r="D81" s="1" t="s">
        <v>208</v>
      </c>
    </row>
    <row r="82" spans="1:4" s="3" customFormat="1" x14ac:dyDescent="0.2">
      <c r="A82" s="3" t="s">
        <v>8</v>
      </c>
      <c r="B82" s="9">
        <v>2</v>
      </c>
      <c r="C82" s="1" t="s">
        <v>88</v>
      </c>
      <c r="D82" s="1" t="s">
        <v>209</v>
      </c>
    </row>
    <row r="83" spans="1:4" s="3" customFormat="1" x14ac:dyDescent="0.2">
      <c r="A83" s="3" t="s">
        <v>8</v>
      </c>
      <c r="B83" s="9">
        <v>1</v>
      </c>
      <c r="C83" s="1" t="s">
        <v>210</v>
      </c>
      <c r="D83" s="1" t="s">
        <v>211</v>
      </c>
    </row>
    <row r="84" spans="1:4" s="3" customFormat="1" x14ac:dyDescent="0.2">
      <c r="A84" s="3" t="s">
        <v>9</v>
      </c>
      <c r="B84" s="9">
        <v>10</v>
      </c>
      <c r="C84" s="1" t="s">
        <v>205</v>
      </c>
      <c r="D84" s="10" t="s">
        <v>272</v>
      </c>
    </row>
    <row r="85" spans="1:4" s="3" customFormat="1" x14ac:dyDescent="0.2">
      <c r="A85" s="3" t="s">
        <v>9</v>
      </c>
      <c r="B85" s="9">
        <v>9</v>
      </c>
      <c r="C85" s="1" t="s">
        <v>207</v>
      </c>
      <c r="D85" s="10" t="s">
        <v>273</v>
      </c>
    </row>
    <row r="86" spans="1:4" s="3" customFormat="1" x14ac:dyDescent="0.2">
      <c r="A86" s="3" t="s">
        <v>9</v>
      </c>
      <c r="B86" s="9">
        <v>8</v>
      </c>
      <c r="C86" s="1" t="s">
        <v>88</v>
      </c>
      <c r="D86" s="10" t="s">
        <v>274</v>
      </c>
    </row>
    <row r="87" spans="1:4" s="3" customFormat="1" x14ac:dyDescent="0.2">
      <c r="A87" s="3" t="s">
        <v>9</v>
      </c>
      <c r="B87" s="9">
        <v>7</v>
      </c>
      <c r="C87" s="1" t="s">
        <v>94</v>
      </c>
      <c r="D87" s="10" t="s">
        <v>275</v>
      </c>
    </row>
    <row r="88" spans="1:4" s="3" customFormat="1" x14ac:dyDescent="0.2">
      <c r="A88" s="3" t="s">
        <v>9</v>
      </c>
      <c r="B88" s="9">
        <v>6</v>
      </c>
      <c r="C88" s="1" t="s">
        <v>276</v>
      </c>
      <c r="D88" s="10" t="s">
        <v>277</v>
      </c>
    </row>
    <row r="89" spans="1:4" s="3" customFormat="1" x14ac:dyDescent="0.2">
      <c r="A89" s="3" t="s">
        <v>9</v>
      </c>
      <c r="B89" s="9">
        <v>5</v>
      </c>
      <c r="C89" s="1" t="s">
        <v>278</v>
      </c>
      <c r="D89" s="10" t="s">
        <v>279</v>
      </c>
    </row>
    <row r="90" spans="1:4" s="3" customFormat="1" x14ac:dyDescent="0.2">
      <c r="A90" s="3" t="s">
        <v>9</v>
      </c>
      <c r="B90" s="9">
        <v>4</v>
      </c>
      <c r="C90" s="1" t="s">
        <v>94</v>
      </c>
      <c r="D90" s="10" t="s">
        <v>280</v>
      </c>
    </row>
    <row r="91" spans="1:4" s="3" customFormat="1" x14ac:dyDescent="0.2">
      <c r="A91" s="3" t="s">
        <v>9</v>
      </c>
      <c r="B91" s="9">
        <v>3</v>
      </c>
      <c r="C91" s="1" t="s">
        <v>178</v>
      </c>
      <c r="D91" s="10" t="s">
        <v>281</v>
      </c>
    </row>
    <row r="92" spans="1:4" s="3" customFormat="1" x14ac:dyDescent="0.2">
      <c r="A92" s="3" t="s">
        <v>9</v>
      </c>
      <c r="B92" s="9">
        <v>2</v>
      </c>
      <c r="C92" s="1" t="s">
        <v>282</v>
      </c>
      <c r="D92" s="10" t="s">
        <v>283</v>
      </c>
    </row>
    <row r="93" spans="1:4" s="3" customFormat="1" x14ac:dyDescent="0.2">
      <c r="A93" s="3" t="s">
        <v>9</v>
      </c>
      <c r="B93" s="9">
        <v>1</v>
      </c>
      <c r="C93" s="1" t="s">
        <v>284</v>
      </c>
      <c r="D93" s="10" t="s">
        <v>285</v>
      </c>
    </row>
    <row r="94" spans="1:4" s="3" customFormat="1" x14ac:dyDescent="0.2">
      <c r="A94" s="3" t="s">
        <v>736</v>
      </c>
      <c r="B94" s="9">
        <v>10</v>
      </c>
      <c r="C94" s="1" t="s">
        <v>58</v>
      </c>
      <c r="D94" s="10" t="s">
        <v>262</v>
      </c>
    </row>
    <row r="95" spans="1:4" s="3" customFormat="1" x14ac:dyDescent="0.2">
      <c r="A95" s="3" t="s">
        <v>736</v>
      </c>
      <c r="B95" s="9">
        <v>9</v>
      </c>
      <c r="C95" s="1" t="s">
        <v>189</v>
      </c>
      <c r="D95" s="3" t="s">
        <v>263</v>
      </c>
    </row>
    <row r="96" spans="1:4" s="3" customFormat="1" x14ac:dyDescent="0.2">
      <c r="A96" s="3" t="s">
        <v>736</v>
      </c>
      <c r="B96" s="9">
        <v>8</v>
      </c>
      <c r="C96" s="1" t="s">
        <v>120</v>
      </c>
      <c r="D96" s="10" t="s">
        <v>264</v>
      </c>
    </row>
    <row r="97" spans="1:4" s="3" customFormat="1" x14ac:dyDescent="0.2">
      <c r="A97" s="3" t="s">
        <v>736</v>
      </c>
      <c r="B97" s="9">
        <v>7</v>
      </c>
      <c r="C97" s="1" t="s">
        <v>62</v>
      </c>
      <c r="D97" s="10" t="s">
        <v>265</v>
      </c>
    </row>
    <row r="98" spans="1:4" s="3" customFormat="1" x14ac:dyDescent="0.2">
      <c r="A98" s="3" t="s">
        <v>736</v>
      </c>
      <c r="B98" s="9">
        <v>6</v>
      </c>
      <c r="C98" s="1" t="s">
        <v>145</v>
      </c>
      <c r="D98" s="10" t="s">
        <v>266</v>
      </c>
    </row>
    <row r="99" spans="1:4" s="3" customFormat="1" x14ac:dyDescent="0.2">
      <c r="A99" s="3" t="s">
        <v>736</v>
      </c>
      <c r="B99" s="9">
        <v>5</v>
      </c>
      <c r="C99" s="1" t="s">
        <v>127</v>
      </c>
      <c r="D99" s="10" t="s">
        <v>267</v>
      </c>
    </row>
    <row r="100" spans="1:4" s="3" customFormat="1" x14ac:dyDescent="0.2">
      <c r="A100" s="3" t="s">
        <v>736</v>
      </c>
      <c r="B100" s="9">
        <v>4</v>
      </c>
      <c r="C100" s="1" t="s">
        <v>127</v>
      </c>
      <c r="D100" s="10" t="s">
        <v>268</v>
      </c>
    </row>
    <row r="101" spans="1:4" s="3" customFormat="1" x14ac:dyDescent="0.2">
      <c r="A101" s="3" t="s">
        <v>736</v>
      </c>
      <c r="B101" s="9">
        <v>3</v>
      </c>
      <c r="C101" s="1" t="s">
        <v>237</v>
      </c>
      <c r="D101" s="10" t="s">
        <v>269</v>
      </c>
    </row>
    <row r="102" spans="1:4" s="3" customFormat="1" x14ac:dyDescent="0.2">
      <c r="A102" s="3" t="s">
        <v>736</v>
      </c>
      <c r="B102" s="9">
        <v>2</v>
      </c>
      <c r="C102" s="10" t="s">
        <v>251</v>
      </c>
      <c r="D102" s="12" t="s">
        <v>270</v>
      </c>
    </row>
    <row r="103" spans="1:4" s="3" customFormat="1" x14ac:dyDescent="0.2">
      <c r="A103" s="3" t="s">
        <v>736</v>
      </c>
      <c r="B103" s="9">
        <v>1</v>
      </c>
      <c r="C103" s="1" t="s">
        <v>94</v>
      </c>
      <c r="D103" s="10" t="s">
        <v>271</v>
      </c>
    </row>
    <row r="104" spans="1:4" s="3" customFormat="1" x14ac:dyDescent="0.2">
      <c r="A104" s="3" t="s">
        <v>10</v>
      </c>
      <c r="B104" s="9">
        <v>10</v>
      </c>
      <c r="C104" s="10" t="s">
        <v>165</v>
      </c>
      <c r="D104" s="10" t="s">
        <v>536</v>
      </c>
    </row>
    <row r="105" spans="1:4" s="3" customFormat="1" x14ac:dyDescent="0.2">
      <c r="A105" s="3" t="s">
        <v>10</v>
      </c>
      <c r="B105" s="9">
        <v>9</v>
      </c>
      <c r="C105" s="1" t="s">
        <v>84</v>
      </c>
      <c r="D105" s="1" t="s">
        <v>537</v>
      </c>
    </row>
    <row r="106" spans="1:4" s="3" customFormat="1" x14ac:dyDescent="0.2">
      <c r="A106" s="3" t="s">
        <v>10</v>
      </c>
      <c r="B106" s="9">
        <v>8</v>
      </c>
      <c r="C106" s="1" t="s">
        <v>538</v>
      </c>
      <c r="D106" s="1" t="s">
        <v>539</v>
      </c>
    </row>
    <row r="107" spans="1:4" s="3" customFormat="1" x14ac:dyDescent="0.2">
      <c r="A107" s="3" t="s">
        <v>10</v>
      </c>
      <c r="B107" s="9">
        <v>7</v>
      </c>
      <c r="C107" s="1" t="s">
        <v>538</v>
      </c>
      <c r="D107" s="1" t="s">
        <v>541</v>
      </c>
    </row>
    <row r="108" spans="1:4" s="3" customFormat="1" x14ac:dyDescent="0.2">
      <c r="A108" s="3" t="s">
        <v>10</v>
      </c>
      <c r="B108" s="9">
        <v>6</v>
      </c>
      <c r="C108" s="1" t="s">
        <v>86</v>
      </c>
      <c r="D108" s="1" t="s">
        <v>540</v>
      </c>
    </row>
    <row r="109" spans="1:4" s="3" customFormat="1" x14ac:dyDescent="0.2">
      <c r="A109" s="3" t="s">
        <v>10</v>
      </c>
      <c r="B109" s="9">
        <v>5</v>
      </c>
      <c r="C109" s="1" t="s">
        <v>312</v>
      </c>
      <c r="D109" s="1" t="s">
        <v>542</v>
      </c>
    </row>
    <row r="110" spans="1:4" s="3" customFormat="1" x14ac:dyDescent="0.2">
      <c r="A110" s="3" t="s">
        <v>10</v>
      </c>
      <c r="B110" s="9">
        <v>4</v>
      </c>
      <c r="C110" s="1" t="s">
        <v>114</v>
      </c>
      <c r="D110" s="1" t="s">
        <v>543</v>
      </c>
    </row>
    <row r="111" spans="1:4" s="3" customFormat="1" x14ac:dyDescent="0.2">
      <c r="A111" s="3" t="s">
        <v>10</v>
      </c>
      <c r="B111" s="9">
        <v>3</v>
      </c>
      <c r="C111" s="3" t="s">
        <v>101</v>
      </c>
      <c r="D111" s="11" t="s">
        <v>544</v>
      </c>
    </row>
    <row r="112" spans="1:4" s="3" customFormat="1" x14ac:dyDescent="0.2">
      <c r="A112" s="3" t="s">
        <v>10</v>
      </c>
      <c r="B112" s="9">
        <v>2</v>
      </c>
      <c r="C112" s="1" t="s">
        <v>233</v>
      </c>
      <c r="D112" s="1" t="s">
        <v>545</v>
      </c>
    </row>
    <row r="113" spans="1:4" s="3" customFormat="1" x14ac:dyDescent="0.2">
      <c r="A113" s="3" t="s">
        <v>10</v>
      </c>
      <c r="B113" s="9">
        <v>1</v>
      </c>
      <c r="C113" s="1" t="s">
        <v>346</v>
      </c>
      <c r="D113" s="1" t="s">
        <v>546</v>
      </c>
    </row>
    <row r="114" spans="1:4" s="3" customFormat="1" x14ac:dyDescent="0.2">
      <c r="A114" s="3" t="s">
        <v>36</v>
      </c>
      <c r="B114" s="9">
        <v>10</v>
      </c>
      <c r="C114" s="3" t="s">
        <v>101</v>
      </c>
      <c r="D114" s="11" t="s">
        <v>586</v>
      </c>
    </row>
    <row r="115" spans="1:4" s="3" customFormat="1" x14ac:dyDescent="0.2">
      <c r="A115" s="3" t="s">
        <v>36</v>
      </c>
      <c r="B115" s="9">
        <v>9</v>
      </c>
      <c r="C115" s="1" t="s">
        <v>430</v>
      </c>
      <c r="D115" s="1" t="s">
        <v>587</v>
      </c>
    </row>
    <row r="116" spans="1:4" s="3" customFormat="1" x14ac:dyDescent="0.2">
      <c r="A116" s="3" t="s">
        <v>36</v>
      </c>
      <c r="B116" s="9">
        <v>8</v>
      </c>
      <c r="C116" s="1" t="s">
        <v>145</v>
      </c>
      <c r="D116" s="1" t="s">
        <v>742</v>
      </c>
    </row>
    <row r="117" spans="1:4" s="3" customFormat="1" x14ac:dyDescent="0.2">
      <c r="A117" s="3" t="s">
        <v>36</v>
      </c>
      <c r="B117" s="9">
        <v>7</v>
      </c>
      <c r="C117" s="1" t="s">
        <v>235</v>
      </c>
      <c r="D117" s="1" t="s">
        <v>589</v>
      </c>
    </row>
    <row r="118" spans="1:4" s="3" customFormat="1" x14ac:dyDescent="0.2">
      <c r="A118" s="3" t="s">
        <v>36</v>
      </c>
      <c r="B118" s="9">
        <v>6</v>
      </c>
      <c r="C118" s="1" t="s">
        <v>81</v>
      </c>
      <c r="D118" s="1" t="s">
        <v>590</v>
      </c>
    </row>
    <row r="119" spans="1:4" s="3" customFormat="1" x14ac:dyDescent="0.2">
      <c r="A119" s="3" t="s">
        <v>36</v>
      </c>
      <c r="B119" s="9">
        <v>5</v>
      </c>
      <c r="C119" s="1" t="s">
        <v>108</v>
      </c>
      <c r="D119" s="1" t="s">
        <v>591</v>
      </c>
    </row>
    <row r="120" spans="1:4" s="3" customFormat="1" x14ac:dyDescent="0.2">
      <c r="A120" s="3" t="s">
        <v>36</v>
      </c>
      <c r="B120" s="9">
        <v>4</v>
      </c>
      <c r="C120" s="10" t="s">
        <v>592</v>
      </c>
      <c r="D120" s="10" t="s">
        <v>593</v>
      </c>
    </row>
    <row r="121" spans="1:4" s="3" customFormat="1" x14ac:dyDescent="0.2">
      <c r="A121" s="3" t="s">
        <v>36</v>
      </c>
      <c r="B121" s="9">
        <v>3</v>
      </c>
      <c r="C121" s="1" t="s">
        <v>346</v>
      </c>
      <c r="D121" s="1" t="s">
        <v>594</v>
      </c>
    </row>
    <row r="122" spans="1:4" s="3" customFormat="1" x14ac:dyDescent="0.2">
      <c r="A122" s="3" t="s">
        <v>36</v>
      </c>
      <c r="B122" s="9">
        <v>2</v>
      </c>
      <c r="C122" s="1" t="s">
        <v>205</v>
      </c>
      <c r="D122" s="1" t="s">
        <v>595</v>
      </c>
    </row>
    <row r="123" spans="1:4" s="3" customFormat="1" x14ac:dyDescent="0.2">
      <c r="A123" s="3" t="s">
        <v>36</v>
      </c>
      <c r="B123" s="9">
        <v>1</v>
      </c>
      <c r="C123" s="1" t="s">
        <v>114</v>
      </c>
      <c r="D123" s="1" t="s">
        <v>588</v>
      </c>
    </row>
    <row r="124" spans="1:4" s="3" customFormat="1" x14ac:dyDescent="0.2">
      <c r="A124" s="3" t="s">
        <v>11</v>
      </c>
      <c r="B124" s="9">
        <v>10</v>
      </c>
      <c r="C124" s="1" t="s">
        <v>282</v>
      </c>
      <c r="D124" s="10" t="s">
        <v>299</v>
      </c>
    </row>
    <row r="125" spans="1:4" s="3" customFormat="1" x14ac:dyDescent="0.2">
      <c r="A125" s="3" t="s">
        <v>11</v>
      </c>
      <c r="B125" s="9">
        <v>9</v>
      </c>
      <c r="C125" s="1" t="s">
        <v>300</v>
      </c>
      <c r="D125" s="10" t="s">
        <v>301</v>
      </c>
    </row>
    <row r="126" spans="1:4" s="3" customFormat="1" x14ac:dyDescent="0.2">
      <c r="A126" s="3" t="s">
        <v>11</v>
      </c>
      <c r="B126" s="9">
        <v>8</v>
      </c>
      <c r="C126" s="1" t="s">
        <v>81</v>
      </c>
      <c r="D126" s="10" t="s">
        <v>302</v>
      </c>
    </row>
    <row r="127" spans="1:4" s="3" customFormat="1" x14ac:dyDescent="0.2">
      <c r="A127" s="3" t="s">
        <v>11</v>
      </c>
      <c r="B127" s="9">
        <v>7</v>
      </c>
      <c r="C127" s="1" t="s">
        <v>122</v>
      </c>
      <c r="D127" s="10" t="s">
        <v>303</v>
      </c>
    </row>
    <row r="128" spans="1:4" s="3" customFormat="1" x14ac:dyDescent="0.2">
      <c r="A128" s="3" t="s">
        <v>11</v>
      </c>
      <c r="B128" s="9">
        <v>6</v>
      </c>
      <c r="C128" s="1" t="s">
        <v>295</v>
      </c>
      <c r="D128" s="10" t="s">
        <v>304</v>
      </c>
    </row>
    <row r="129" spans="1:4" s="3" customFormat="1" x14ac:dyDescent="0.2">
      <c r="A129" s="3" t="s">
        <v>11</v>
      </c>
      <c r="B129" s="9">
        <v>5</v>
      </c>
      <c r="C129" s="1" t="s">
        <v>295</v>
      </c>
      <c r="D129" s="10" t="s">
        <v>305</v>
      </c>
    </row>
    <row r="130" spans="1:4" s="3" customFormat="1" x14ac:dyDescent="0.2">
      <c r="A130" s="3" t="s">
        <v>11</v>
      </c>
      <c r="B130" s="9">
        <v>4</v>
      </c>
      <c r="C130" s="1" t="s">
        <v>74</v>
      </c>
      <c r="D130" s="10" t="s">
        <v>306</v>
      </c>
    </row>
    <row r="131" spans="1:4" s="3" customFormat="1" x14ac:dyDescent="0.2">
      <c r="A131" s="3" t="s">
        <v>11</v>
      </c>
      <c r="B131" s="9">
        <v>3</v>
      </c>
      <c r="C131" s="1" t="s">
        <v>307</v>
      </c>
      <c r="D131" s="10" t="s">
        <v>308</v>
      </c>
    </row>
    <row r="132" spans="1:4" s="3" customFormat="1" x14ac:dyDescent="0.2">
      <c r="A132" s="3" t="s">
        <v>11</v>
      </c>
      <c r="B132" s="9">
        <v>2</v>
      </c>
      <c r="C132" s="1" t="s">
        <v>309</v>
      </c>
      <c r="D132" s="3" t="s">
        <v>310</v>
      </c>
    </row>
    <row r="133" spans="1:4" s="3" customFormat="1" x14ac:dyDescent="0.2">
      <c r="A133" s="3" t="s">
        <v>11</v>
      </c>
      <c r="B133" s="9">
        <v>1</v>
      </c>
      <c r="C133" s="1" t="s">
        <v>202</v>
      </c>
      <c r="D133" s="10" t="s">
        <v>311</v>
      </c>
    </row>
    <row r="134" spans="1:4" s="3" customFormat="1" x14ac:dyDescent="0.2">
      <c r="A134" s="3" t="s">
        <v>37</v>
      </c>
      <c r="B134" s="9">
        <v>10</v>
      </c>
      <c r="C134" s="1" t="s">
        <v>428</v>
      </c>
      <c r="D134" s="10" t="s">
        <v>429</v>
      </c>
    </row>
    <row r="135" spans="1:4" s="3" customFormat="1" x14ac:dyDescent="0.2">
      <c r="A135" s="3" t="s">
        <v>37</v>
      </c>
      <c r="B135" s="9">
        <v>9</v>
      </c>
      <c r="C135" s="1" t="s">
        <v>430</v>
      </c>
      <c r="D135" s="10" t="s">
        <v>431</v>
      </c>
    </row>
    <row r="136" spans="1:4" s="3" customFormat="1" x14ac:dyDescent="0.2">
      <c r="A136" s="3" t="s">
        <v>37</v>
      </c>
      <c r="B136" s="9">
        <v>8</v>
      </c>
      <c r="C136" s="1" t="s">
        <v>297</v>
      </c>
      <c r="D136" s="10" t="s">
        <v>432</v>
      </c>
    </row>
    <row r="137" spans="1:4" s="3" customFormat="1" x14ac:dyDescent="0.2">
      <c r="A137" s="3" t="s">
        <v>37</v>
      </c>
      <c r="B137" s="9">
        <v>7</v>
      </c>
      <c r="C137" s="1" t="s">
        <v>56</v>
      </c>
      <c r="D137" s="10" t="s">
        <v>433</v>
      </c>
    </row>
    <row r="138" spans="1:4" s="3" customFormat="1" x14ac:dyDescent="0.2">
      <c r="A138" s="3" t="s">
        <v>37</v>
      </c>
      <c r="B138" s="9">
        <v>6</v>
      </c>
      <c r="C138" s="1" t="s">
        <v>116</v>
      </c>
      <c r="D138" s="10" t="s">
        <v>434</v>
      </c>
    </row>
    <row r="139" spans="1:4" s="3" customFormat="1" x14ac:dyDescent="0.2">
      <c r="A139" s="3" t="s">
        <v>37</v>
      </c>
      <c r="B139" s="9">
        <v>5</v>
      </c>
      <c r="C139" s="1" t="s">
        <v>435</v>
      </c>
      <c r="D139" s="10" t="s">
        <v>436</v>
      </c>
    </row>
    <row r="140" spans="1:4" s="3" customFormat="1" x14ac:dyDescent="0.2">
      <c r="A140" s="3" t="s">
        <v>37</v>
      </c>
      <c r="B140" s="9">
        <v>4</v>
      </c>
      <c r="C140" s="3" t="s">
        <v>101</v>
      </c>
      <c r="D140" s="11" t="s">
        <v>437</v>
      </c>
    </row>
    <row r="141" spans="1:4" s="3" customFormat="1" x14ac:dyDescent="0.2">
      <c r="A141" s="3" t="s">
        <v>37</v>
      </c>
      <c r="B141" s="9">
        <v>3</v>
      </c>
      <c r="C141" s="1" t="s">
        <v>58</v>
      </c>
      <c r="D141" s="10" t="s">
        <v>438</v>
      </c>
    </row>
    <row r="142" spans="1:4" s="3" customFormat="1" x14ac:dyDescent="0.2">
      <c r="A142" s="3" t="s">
        <v>37</v>
      </c>
      <c r="B142" s="9">
        <v>2</v>
      </c>
      <c r="C142" s="1" t="s">
        <v>218</v>
      </c>
      <c r="D142" s="10" t="s">
        <v>439</v>
      </c>
    </row>
    <row r="143" spans="1:4" s="3" customFormat="1" x14ac:dyDescent="0.2">
      <c r="A143" s="3" t="s">
        <v>37</v>
      </c>
      <c r="B143" s="9">
        <v>1</v>
      </c>
      <c r="C143" s="1" t="s">
        <v>202</v>
      </c>
      <c r="D143" s="10" t="s">
        <v>440</v>
      </c>
    </row>
    <row r="144" spans="1:4" s="3" customFormat="1" x14ac:dyDescent="0.2">
      <c r="A144" s="3" t="s">
        <v>12</v>
      </c>
      <c r="B144" s="9">
        <v>10</v>
      </c>
      <c r="C144" s="1" t="s">
        <v>77</v>
      </c>
      <c r="D144" s="1" t="s">
        <v>550</v>
      </c>
    </row>
    <row r="145" spans="1:4" s="3" customFormat="1" x14ac:dyDescent="0.2">
      <c r="A145" s="3" t="s">
        <v>12</v>
      </c>
      <c r="B145" s="9">
        <v>9</v>
      </c>
      <c r="C145" s="1" t="s">
        <v>154</v>
      </c>
      <c r="D145" s="1" t="s">
        <v>551</v>
      </c>
    </row>
    <row r="146" spans="1:4" s="3" customFormat="1" x14ac:dyDescent="0.2">
      <c r="A146" s="3" t="s">
        <v>12</v>
      </c>
      <c r="B146" s="9">
        <v>8</v>
      </c>
      <c r="C146" s="1" t="s">
        <v>183</v>
      </c>
      <c r="D146" s="1" t="s">
        <v>552</v>
      </c>
    </row>
    <row r="147" spans="1:4" s="3" customFormat="1" x14ac:dyDescent="0.2">
      <c r="A147" s="3" t="s">
        <v>12</v>
      </c>
      <c r="B147" s="9">
        <v>7</v>
      </c>
      <c r="C147" s="1" t="s">
        <v>553</v>
      </c>
      <c r="D147" s="3" t="s">
        <v>554</v>
      </c>
    </row>
    <row r="148" spans="1:4" s="3" customFormat="1" x14ac:dyDescent="0.2">
      <c r="A148" s="3" t="s">
        <v>12</v>
      </c>
      <c r="B148" s="9">
        <v>6</v>
      </c>
      <c r="C148" s="10" t="s">
        <v>350</v>
      </c>
      <c r="D148" s="3" t="s">
        <v>555</v>
      </c>
    </row>
    <row r="149" spans="1:4" s="3" customFormat="1" x14ac:dyDescent="0.2">
      <c r="A149" s="3" t="s">
        <v>12</v>
      </c>
      <c r="B149" s="9">
        <v>5</v>
      </c>
      <c r="C149" s="1" t="s">
        <v>202</v>
      </c>
      <c r="D149" s="1" t="s">
        <v>556</v>
      </c>
    </row>
    <row r="150" spans="1:4" s="3" customFormat="1" x14ac:dyDescent="0.2">
      <c r="A150" s="3" t="s">
        <v>12</v>
      </c>
      <c r="B150" s="9">
        <v>4</v>
      </c>
      <c r="C150" s="1" t="s">
        <v>178</v>
      </c>
      <c r="D150" s="1" t="s">
        <v>557</v>
      </c>
    </row>
    <row r="151" spans="1:4" s="3" customFormat="1" x14ac:dyDescent="0.2">
      <c r="A151" s="3" t="s">
        <v>12</v>
      </c>
      <c r="B151" s="9">
        <v>3</v>
      </c>
      <c r="C151" s="2" t="s">
        <v>160</v>
      </c>
      <c r="D151" s="2" t="s">
        <v>558</v>
      </c>
    </row>
    <row r="152" spans="1:4" s="3" customFormat="1" x14ac:dyDescent="0.2">
      <c r="A152" s="3" t="s">
        <v>12</v>
      </c>
      <c r="B152" s="9">
        <v>2</v>
      </c>
      <c r="C152" s="1" t="s">
        <v>352</v>
      </c>
      <c r="D152" s="1" t="s">
        <v>559</v>
      </c>
    </row>
    <row r="153" spans="1:4" s="3" customFormat="1" x14ac:dyDescent="0.2">
      <c r="A153" s="3" t="s">
        <v>12</v>
      </c>
      <c r="B153" s="9">
        <v>1</v>
      </c>
      <c r="C153" s="1" t="s">
        <v>88</v>
      </c>
      <c r="D153" s="1" t="s">
        <v>560</v>
      </c>
    </row>
    <row r="154" spans="1:4" s="3" customFormat="1" x14ac:dyDescent="0.2">
      <c r="A154" s="3" t="s">
        <v>13</v>
      </c>
      <c r="B154" s="9">
        <v>10</v>
      </c>
      <c r="C154" s="1" t="s">
        <v>160</v>
      </c>
      <c r="D154" s="10" t="s">
        <v>161</v>
      </c>
    </row>
    <row r="155" spans="1:4" s="3" customFormat="1" x14ac:dyDescent="0.2">
      <c r="A155" s="3" t="s">
        <v>13</v>
      </c>
      <c r="B155" s="9">
        <v>9</v>
      </c>
      <c r="C155" s="1" t="s">
        <v>162</v>
      </c>
      <c r="D155" s="10" t="s">
        <v>163</v>
      </c>
    </row>
    <row r="156" spans="1:4" s="3" customFormat="1" x14ac:dyDescent="0.2">
      <c r="A156" s="3" t="s">
        <v>13</v>
      </c>
      <c r="B156" s="9">
        <v>8</v>
      </c>
      <c r="C156" s="1" t="s">
        <v>56</v>
      </c>
      <c r="D156" s="10" t="s">
        <v>164</v>
      </c>
    </row>
    <row r="157" spans="1:4" s="3" customFormat="1" x14ac:dyDescent="0.2">
      <c r="A157" s="3" t="s">
        <v>13</v>
      </c>
      <c r="B157" s="9">
        <v>7</v>
      </c>
      <c r="C157" s="10" t="s">
        <v>165</v>
      </c>
      <c r="D157" s="10" t="s">
        <v>166</v>
      </c>
    </row>
    <row r="158" spans="1:4" s="3" customFormat="1" x14ac:dyDescent="0.2">
      <c r="A158" s="3" t="s">
        <v>13</v>
      </c>
      <c r="B158" s="9">
        <v>6</v>
      </c>
      <c r="C158" s="1" t="s">
        <v>118</v>
      </c>
      <c r="D158" s="10" t="s">
        <v>167</v>
      </c>
    </row>
    <row r="159" spans="1:4" s="3" customFormat="1" x14ac:dyDescent="0.2">
      <c r="A159" s="3" t="s">
        <v>13</v>
      </c>
      <c r="B159" s="9">
        <v>5</v>
      </c>
      <c r="C159" s="1" t="s">
        <v>81</v>
      </c>
      <c r="D159" s="10" t="s">
        <v>168</v>
      </c>
    </row>
    <row r="160" spans="1:4" s="3" customFormat="1" x14ac:dyDescent="0.2">
      <c r="A160" s="3" t="s">
        <v>13</v>
      </c>
      <c r="B160" s="9">
        <v>4</v>
      </c>
      <c r="C160" s="1" t="s">
        <v>133</v>
      </c>
      <c r="D160" s="10" t="s">
        <v>169</v>
      </c>
    </row>
    <row r="161" spans="1:4" s="3" customFormat="1" x14ac:dyDescent="0.2">
      <c r="A161" s="3" t="s">
        <v>13</v>
      </c>
      <c r="B161" s="9">
        <v>3</v>
      </c>
      <c r="C161" s="1" t="s">
        <v>142</v>
      </c>
      <c r="D161" s="10" t="s">
        <v>170</v>
      </c>
    </row>
    <row r="162" spans="1:4" s="3" customFormat="1" x14ac:dyDescent="0.2">
      <c r="A162" s="3" t="s">
        <v>13</v>
      </c>
      <c r="B162" s="9">
        <v>2</v>
      </c>
      <c r="C162" s="1" t="s">
        <v>171</v>
      </c>
      <c r="D162" s="10" t="s">
        <v>172</v>
      </c>
    </row>
    <row r="163" spans="1:4" s="3" customFormat="1" x14ac:dyDescent="0.2">
      <c r="A163" s="3" t="s">
        <v>13</v>
      </c>
      <c r="B163" s="9">
        <v>1</v>
      </c>
      <c r="C163" s="1" t="s">
        <v>122</v>
      </c>
      <c r="D163" s="3" t="s">
        <v>173</v>
      </c>
    </row>
    <row r="164" spans="1:4" x14ac:dyDescent="0.2">
      <c r="A164" s="3" t="s">
        <v>1</v>
      </c>
      <c r="B164" s="9">
        <v>10</v>
      </c>
      <c r="C164" s="1"/>
    </row>
    <row r="165" spans="1:4" x14ac:dyDescent="0.2">
      <c r="A165" s="3" t="s">
        <v>1</v>
      </c>
      <c r="B165" s="9">
        <v>9</v>
      </c>
      <c r="C165" s="1"/>
      <c r="D165" s="8"/>
    </row>
    <row r="166" spans="1:4" x14ac:dyDescent="0.2">
      <c r="A166" s="3" t="s">
        <v>1</v>
      </c>
      <c r="B166" s="9">
        <v>8</v>
      </c>
      <c r="C166" s="1" t="s">
        <v>127</v>
      </c>
      <c r="D166" s="1" t="s">
        <v>674</v>
      </c>
    </row>
    <row r="167" spans="1:4" x14ac:dyDescent="0.2">
      <c r="A167" s="3" t="s">
        <v>1</v>
      </c>
      <c r="B167" s="9">
        <v>7</v>
      </c>
      <c r="C167" s="1" t="s">
        <v>369</v>
      </c>
      <c r="D167" s="1" t="s">
        <v>675</v>
      </c>
    </row>
    <row r="168" spans="1:4" x14ac:dyDescent="0.2">
      <c r="A168" s="3" t="s">
        <v>1</v>
      </c>
      <c r="B168" s="9">
        <v>6</v>
      </c>
      <c r="C168" s="1" t="s">
        <v>676</v>
      </c>
      <c r="D168" s="1" t="s">
        <v>677</v>
      </c>
    </row>
    <row r="169" spans="1:4" x14ac:dyDescent="0.2">
      <c r="A169" s="3" t="s">
        <v>1</v>
      </c>
      <c r="B169" s="9">
        <v>5</v>
      </c>
      <c r="C169" s="1" t="s">
        <v>191</v>
      </c>
      <c r="D169" s="1" t="s">
        <v>678</v>
      </c>
    </row>
    <row r="170" spans="1:4" x14ac:dyDescent="0.2">
      <c r="A170" s="3" t="s">
        <v>1</v>
      </c>
      <c r="B170" s="9">
        <v>4</v>
      </c>
      <c r="C170" s="1" t="s">
        <v>191</v>
      </c>
      <c r="D170" s="1" t="s">
        <v>679</v>
      </c>
    </row>
    <row r="171" spans="1:4" x14ac:dyDescent="0.2">
      <c r="A171" s="3" t="s">
        <v>1</v>
      </c>
      <c r="B171" s="9">
        <v>3</v>
      </c>
      <c r="C171" s="1" t="s">
        <v>183</v>
      </c>
      <c r="D171" s="1" t="s">
        <v>680</v>
      </c>
    </row>
    <row r="172" spans="1:4" x14ac:dyDescent="0.2">
      <c r="A172" s="3" t="s">
        <v>1</v>
      </c>
      <c r="B172" s="9">
        <v>2</v>
      </c>
      <c r="C172" s="10" t="s">
        <v>681</v>
      </c>
      <c r="D172" s="10" t="s">
        <v>682</v>
      </c>
    </row>
    <row r="173" spans="1:4" x14ac:dyDescent="0.2">
      <c r="A173" s="3" t="s">
        <v>1</v>
      </c>
      <c r="B173" s="9">
        <v>1</v>
      </c>
      <c r="C173" s="1" t="s">
        <v>171</v>
      </c>
      <c r="D173" s="1" t="s">
        <v>683</v>
      </c>
    </row>
    <row r="174" spans="1:4" s="3" customFormat="1" x14ac:dyDescent="0.2">
      <c r="A174" s="3" t="s">
        <v>49</v>
      </c>
      <c r="B174" s="9">
        <v>10</v>
      </c>
      <c r="C174" s="1" t="s">
        <v>482</v>
      </c>
      <c r="D174" s="10" t="s">
        <v>483</v>
      </c>
    </row>
    <row r="175" spans="1:4" s="3" customFormat="1" x14ac:dyDescent="0.2">
      <c r="A175" s="3" t="s">
        <v>49</v>
      </c>
      <c r="B175" s="9">
        <v>9</v>
      </c>
      <c r="C175" s="1" t="s">
        <v>90</v>
      </c>
      <c r="D175" s="10" t="s">
        <v>484</v>
      </c>
    </row>
    <row r="176" spans="1:4" s="3" customFormat="1" x14ac:dyDescent="0.2">
      <c r="A176" s="3" t="s">
        <v>49</v>
      </c>
      <c r="B176" s="9">
        <v>8</v>
      </c>
      <c r="C176" s="1" t="s">
        <v>410</v>
      </c>
      <c r="D176" s="10" t="s">
        <v>485</v>
      </c>
    </row>
    <row r="177" spans="1:4" s="3" customFormat="1" x14ac:dyDescent="0.2">
      <c r="A177" s="3" t="s">
        <v>49</v>
      </c>
      <c r="B177" s="9">
        <v>7</v>
      </c>
      <c r="C177" s="3" t="s">
        <v>101</v>
      </c>
      <c r="D177" s="11" t="s">
        <v>486</v>
      </c>
    </row>
    <row r="178" spans="1:4" s="3" customFormat="1" x14ac:dyDescent="0.2">
      <c r="A178" s="3" t="s">
        <v>49</v>
      </c>
      <c r="B178" s="9">
        <v>6</v>
      </c>
      <c r="C178" s="1" t="s">
        <v>230</v>
      </c>
      <c r="D178" s="10" t="s">
        <v>487</v>
      </c>
    </row>
    <row r="179" spans="1:4" s="3" customFormat="1" x14ac:dyDescent="0.2">
      <c r="A179" s="3" t="s">
        <v>49</v>
      </c>
      <c r="B179" s="9">
        <v>5</v>
      </c>
      <c r="C179" s="1" t="s">
        <v>346</v>
      </c>
      <c r="D179" s="10" t="s">
        <v>488</v>
      </c>
    </row>
    <row r="180" spans="1:4" s="3" customFormat="1" x14ac:dyDescent="0.2">
      <c r="A180" s="3" t="s">
        <v>49</v>
      </c>
      <c r="B180" s="9">
        <v>4</v>
      </c>
      <c r="C180" s="1" t="s">
        <v>319</v>
      </c>
      <c r="D180" s="10" t="s">
        <v>489</v>
      </c>
    </row>
    <row r="181" spans="1:4" s="3" customFormat="1" x14ac:dyDescent="0.2">
      <c r="A181" s="3" t="s">
        <v>49</v>
      </c>
      <c r="B181" s="9">
        <v>3</v>
      </c>
      <c r="C181" s="1" t="s">
        <v>56</v>
      </c>
      <c r="D181" s="10" t="s">
        <v>490</v>
      </c>
    </row>
    <row r="182" spans="1:4" s="3" customFormat="1" x14ac:dyDescent="0.2">
      <c r="A182" s="3" t="s">
        <v>49</v>
      </c>
      <c r="B182" s="9">
        <v>2</v>
      </c>
      <c r="C182" s="1" t="s">
        <v>260</v>
      </c>
      <c r="D182" s="10" t="s">
        <v>491</v>
      </c>
    </row>
    <row r="183" spans="1:4" s="3" customFormat="1" x14ac:dyDescent="0.2">
      <c r="A183" s="3" t="s">
        <v>49</v>
      </c>
      <c r="B183" s="9">
        <v>1</v>
      </c>
      <c r="C183" s="1" t="s">
        <v>79</v>
      </c>
      <c r="D183" s="10" t="s">
        <v>492</v>
      </c>
    </row>
    <row r="184" spans="1:4" x14ac:dyDescent="0.2">
      <c r="A184" s="3" t="s">
        <v>14</v>
      </c>
      <c r="B184" s="9">
        <v>10</v>
      </c>
      <c r="C184" s="1" t="s">
        <v>248</v>
      </c>
      <c r="D184" s="10" t="s">
        <v>249</v>
      </c>
    </row>
    <row r="185" spans="1:4" x14ac:dyDescent="0.2">
      <c r="A185" s="3" t="s">
        <v>14</v>
      </c>
      <c r="B185" s="9">
        <v>9</v>
      </c>
      <c r="C185" s="1" t="s">
        <v>127</v>
      </c>
      <c r="D185" s="10" t="s">
        <v>250</v>
      </c>
    </row>
    <row r="186" spans="1:4" x14ac:dyDescent="0.2">
      <c r="A186" s="3" t="s">
        <v>14</v>
      </c>
      <c r="B186" s="9">
        <v>8</v>
      </c>
      <c r="C186" s="10" t="s">
        <v>251</v>
      </c>
      <c r="D186" s="12" t="s">
        <v>252</v>
      </c>
    </row>
    <row r="187" spans="1:4" x14ac:dyDescent="0.2">
      <c r="A187" s="3" t="s">
        <v>14</v>
      </c>
      <c r="B187" s="9">
        <v>7</v>
      </c>
      <c r="C187" s="1" t="s">
        <v>207</v>
      </c>
      <c r="D187" s="10" t="s">
        <v>253</v>
      </c>
    </row>
    <row r="188" spans="1:4" x14ac:dyDescent="0.2">
      <c r="A188" s="3" t="s">
        <v>14</v>
      </c>
      <c r="B188" s="9">
        <v>6</v>
      </c>
      <c r="C188" s="10" t="s">
        <v>251</v>
      </c>
      <c r="D188" s="12" t="s">
        <v>254</v>
      </c>
    </row>
    <row r="189" spans="1:4" ht="28.5" x14ac:dyDescent="0.2">
      <c r="A189" s="3" t="s">
        <v>14</v>
      </c>
      <c r="B189" s="9">
        <v>5</v>
      </c>
      <c r="C189" s="1" t="s">
        <v>255</v>
      </c>
      <c r="D189" s="10" t="s">
        <v>256</v>
      </c>
    </row>
    <row r="190" spans="1:4" x14ac:dyDescent="0.2">
      <c r="A190" s="3" t="s">
        <v>14</v>
      </c>
      <c r="B190" s="9">
        <v>4</v>
      </c>
      <c r="C190" s="1" t="s">
        <v>56</v>
      </c>
      <c r="D190" s="10" t="s">
        <v>257</v>
      </c>
    </row>
    <row r="191" spans="1:4" x14ac:dyDescent="0.2">
      <c r="A191" s="3" t="s">
        <v>14</v>
      </c>
      <c r="B191" s="9">
        <v>3</v>
      </c>
      <c r="C191" s="1" t="s">
        <v>202</v>
      </c>
      <c r="D191" s="10" t="s">
        <v>258</v>
      </c>
    </row>
    <row r="192" spans="1:4" x14ac:dyDescent="0.2">
      <c r="A192" s="3" t="s">
        <v>14</v>
      </c>
      <c r="B192" s="9">
        <v>2</v>
      </c>
      <c r="C192" s="1" t="s">
        <v>183</v>
      </c>
      <c r="D192" s="10" t="s">
        <v>259</v>
      </c>
    </row>
    <row r="193" spans="1:4" x14ac:dyDescent="0.2">
      <c r="A193" s="3" t="s">
        <v>14</v>
      </c>
      <c r="B193" s="9">
        <v>1</v>
      </c>
      <c r="C193" s="1" t="s">
        <v>260</v>
      </c>
      <c r="D193" s="10" t="s">
        <v>261</v>
      </c>
    </row>
    <row r="194" spans="1:4" x14ac:dyDescent="0.2">
      <c r="A194" s="3" t="s">
        <v>739</v>
      </c>
      <c r="B194" s="9">
        <v>10</v>
      </c>
      <c r="C194" s="8"/>
      <c r="D194" s="1"/>
    </row>
    <row r="195" spans="1:4" x14ac:dyDescent="0.2">
      <c r="A195" s="3" t="s">
        <v>739</v>
      </c>
      <c r="B195" s="9">
        <v>9</v>
      </c>
      <c r="C195" s="8"/>
      <c r="D195" s="1"/>
    </row>
    <row r="196" spans="1:4" x14ac:dyDescent="0.2">
      <c r="A196" s="3" t="s">
        <v>739</v>
      </c>
      <c r="B196" s="9">
        <v>8</v>
      </c>
      <c r="C196" s="8"/>
      <c r="D196" s="1"/>
    </row>
    <row r="197" spans="1:4" x14ac:dyDescent="0.2">
      <c r="A197" s="3" t="s">
        <v>739</v>
      </c>
      <c r="B197" s="9">
        <v>7</v>
      </c>
      <c r="C197" s="1" t="s">
        <v>81</v>
      </c>
      <c r="D197" s="10" t="s">
        <v>105</v>
      </c>
    </row>
    <row r="198" spans="1:4" x14ac:dyDescent="0.2">
      <c r="A198" s="3" t="s">
        <v>739</v>
      </c>
      <c r="B198" s="9">
        <v>6</v>
      </c>
      <c r="C198" s="1" t="s">
        <v>106</v>
      </c>
      <c r="D198" s="10" t="s">
        <v>107</v>
      </c>
    </row>
    <row r="199" spans="1:4" x14ac:dyDescent="0.2">
      <c r="A199" s="3" t="s">
        <v>739</v>
      </c>
      <c r="B199" s="9">
        <v>5</v>
      </c>
      <c r="C199" s="1" t="s">
        <v>108</v>
      </c>
      <c r="D199" s="10" t="s">
        <v>109</v>
      </c>
    </row>
    <row r="200" spans="1:4" x14ac:dyDescent="0.2">
      <c r="A200" s="3" t="s">
        <v>739</v>
      </c>
      <c r="B200" s="9">
        <v>4</v>
      </c>
      <c r="C200" s="1" t="s">
        <v>110</v>
      </c>
      <c r="D200" s="10" t="s">
        <v>111</v>
      </c>
    </row>
    <row r="201" spans="1:4" x14ac:dyDescent="0.2">
      <c r="A201" s="3" t="s">
        <v>739</v>
      </c>
      <c r="B201" s="9">
        <v>3</v>
      </c>
      <c r="C201" s="1" t="s">
        <v>106</v>
      </c>
      <c r="D201" s="10" t="s">
        <v>112</v>
      </c>
    </row>
    <row r="202" spans="1:4" x14ac:dyDescent="0.2">
      <c r="A202" s="3" t="s">
        <v>739</v>
      </c>
      <c r="B202" s="9">
        <v>2</v>
      </c>
      <c r="C202" s="1" t="s">
        <v>110</v>
      </c>
      <c r="D202" s="10" t="s">
        <v>113</v>
      </c>
    </row>
    <row r="203" spans="1:4" x14ac:dyDescent="0.2">
      <c r="A203" s="3" t="s">
        <v>739</v>
      </c>
      <c r="B203" s="9">
        <v>1</v>
      </c>
      <c r="C203" s="1" t="s">
        <v>114</v>
      </c>
      <c r="D203" s="10" t="s">
        <v>115</v>
      </c>
    </row>
    <row r="204" spans="1:4" x14ac:dyDescent="0.2">
      <c r="A204" s="3" t="s">
        <v>42</v>
      </c>
      <c r="B204" s="9">
        <v>10</v>
      </c>
      <c r="D204" s="1"/>
    </row>
    <row r="205" spans="1:4" x14ac:dyDescent="0.2">
      <c r="A205" s="3" t="s">
        <v>42</v>
      </c>
      <c r="B205" s="9">
        <v>9</v>
      </c>
      <c r="C205" s="3"/>
      <c r="D205" s="1"/>
    </row>
    <row r="206" spans="1:4" x14ac:dyDescent="0.2">
      <c r="A206" s="3" t="s">
        <v>42</v>
      </c>
      <c r="B206" s="9">
        <v>8</v>
      </c>
      <c r="C206" s="8"/>
      <c r="D206" s="1"/>
    </row>
    <row r="207" spans="1:4" x14ac:dyDescent="0.2">
      <c r="A207" s="3" t="s">
        <v>42</v>
      </c>
      <c r="B207" s="9">
        <v>7</v>
      </c>
      <c r="C207" s="8"/>
      <c r="D207" s="1"/>
    </row>
    <row r="208" spans="1:4" x14ac:dyDescent="0.2">
      <c r="A208" s="3" t="s">
        <v>42</v>
      </c>
      <c r="B208" s="9">
        <v>6</v>
      </c>
      <c r="D208" s="1"/>
    </row>
    <row r="209" spans="1:4" x14ac:dyDescent="0.2">
      <c r="A209" s="3" t="s">
        <v>42</v>
      </c>
      <c r="B209" s="9">
        <v>5</v>
      </c>
      <c r="C209" s="1" t="s">
        <v>96</v>
      </c>
      <c r="D209" s="10" t="s">
        <v>188</v>
      </c>
    </row>
    <row r="210" spans="1:4" x14ac:dyDescent="0.2">
      <c r="A210" s="3" t="s">
        <v>42</v>
      </c>
      <c r="B210" s="9">
        <v>4</v>
      </c>
      <c r="C210" s="1" t="s">
        <v>189</v>
      </c>
      <c r="D210" s="10" t="s">
        <v>190</v>
      </c>
    </row>
    <row r="211" spans="1:4" x14ac:dyDescent="0.2">
      <c r="A211" s="3" t="s">
        <v>42</v>
      </c>
      <c r="B211" s="9">
        <v>3</v>
      </c>
      <c r="C211" s="1" t="s">
        <v>191</v>
      </c>
      <c r="D211" s="10" t="s">
        <v>192</v>
      </c>
    </row>
    <row r="212" spans="1:4" x14ac:dyDescent="0.2">
      <c r="A212" s="3" t="s">
        <v>42</v>
      </c>
      <c r="B212" s="9">
        <v>2</v>
      </c>
      <c r="C212" s="1" t="s">
        <v>171</v>
      </c>
      <c r="D212" s="10" t="s">
        <v>193</v>
      </c>
    </row>
    <row r="213" spans="1:4" x14ac:dyDescent="0.2">
      <c r="A213" s="3" t="s">
        <v>42</v>
      </c>
      <c r="B213" s="9">
        <v>1</v>
      </c>
      <c r="C213" s="1" t="s">
        <v>94</v>
      </c>
      <c r="D213" s="10" t="s">
        <v>194</v>
      </c>
    </row>
    <row r="214" spans="1:4" x14ac:dyDescent="0.2">
      <c r="A214" s="3" t="s">
        <v>15</v>
      </c>
      <c r="B214" s="9">
        <v>10</v>
      </c>
      <c r="C214" s="1" t="s">
        <v>56</v>
      </c>
      <c r="D214" s="1" t="s">
        <v>57</v>
      </c>
    </row>
    <row r="215" spans="1:4" x14ac:dyDescent="0.2">
      <c r="A215" s="3" t="s">
        <v>15</v>
      </c>
      <c r="B215" s="9">
        <v>9</v>
      </c>
      <c r="C215" s="1" t="s">
        <v>58</v>
      </c>
      <c r="D215" s="1" t="s">
        <v>59</v>
      </c>
    </row>
    <row r="216" spans="1:4" x14ac:dyDescent="0.2">
      <c r="A216" s="3" t="s">
        <v>15</v>
      </c>
      <c r="B216" s="9">
        <v>8</v>
      </c>
      <c r="C216" s="1" t="s">
        <v>60</v>
      </c>
      <c r="D216" s="1" t="s">
        <v>61</v>
      </c>
    </row>
    <row r="217" spans="1:4" x14ac:dyDescent="0.2">
      <c r="A217" s="3" t="s">
        <v>15</v>
      </c>
      <c r="B217" s="9">
        <v>7</v>
      </c>
      <c r="C217" s="1" t="s">
        <v>62</v>
      </c>
      <c r="D217" s="1" t="s">
        <v>63</v>
      </c>
    </row>
    <row r="218" spans="1:4" x14ac:dyDescent="0.2">
      <c r="A218" s="3" t="s">
        <v>15</v>
      </c>
      <c r="B218" s="9">
        <v>6</v>
      </c>
      <c r="C218" s="1" t="s">
        <v>64</v>
      </c>
      <c r="D218" s="1" t="s">
        <v>65</v>
      </c>
    </row>
    <row r="219" spans="1:4" x14ac:dyDescent="0.2">
      <c r="A219" s="3" t="s">
        <v>15</v>
      </c>
      <c r="B219" s="9">
        <v>5</v>
      </c>
      <c r="C219" s="1" t="s">
        <v>58</v>
      </c>
      <c r="D219" s="1" t="s">
        <v>66</v>
      </c>
    </row>
    <row r="220" spans="1:4" x14ac:dyDescent="0.2">
      <c r="A220" s="3" t="s">
        <v>15</v>
      </c>
      <c r="B220" s="9">
        <v>4</v>
      </c>
      <c r="C220" s="1" t="s">
        <v>67</v>
      </c>
      <c r="D220" s="1" t="s">
        <v>68</v>
      </c>
    </row>
    <row r="221" spans="1:4" x14ac:dyDescent="0.2">
      <c r="A221" s="3" t="s">
        <v>15</v>
      </c>
      <c r="B221" s="9">
        <v>3</v>
      </c>
      <c r="C221" s="1" t="s">
        <v>69</v>
      </c>
      <c r="D221" s="1" t="s">
        <v>70</v>
      </c>
    </row>
    <row r="222" spans="1:4" x14ac:dyDescent="0.2">
      <c r="A222" s="3" t="s">
        <v>15</v>
      </c>
      <c r="B222" s="9">
        <v>2</v>
      </c>
      <c r="C222" s="1" t="s">
        <v>71</v>
      </c>
      <c r="D222" s="1" t="s">
        <v>72</v>
      </c>
    </row>
    <row r="223" spans="1:4" x14ac:dyDescent="0.2">
      <c r="A223" s="3" t="s">
        <v>15</v>
      </c>
      <c r="B223" s="9">
        <v>1</v>
      </c>
      <c r="C223" s="1" t="s">
        <v>67</v>
      </c>
      <c r="D223" s="1" t="s">
        <v>73</v>
      </c>
    </row>
    <row r="224" spans="1:4" x14ac:dyDescent="0.2">
      <c r="A224" s="3" t="s">
        <v>53</v>
      </c>
      <c r="B224" s="9">
        <v>10</v>
      </c>
      <c r="C224" s="1" t="s">
        <v>514</v>
      </c>
      <c r="D224" s="1" t="s">
        <v>515</v>
      </c>
    </row>
    <row r="225" spans="1:4" x14ac:dyDescent="0.2">
      <c r="A225" s="3" t="s">
        <v>53</v>
      </c>
      <c r="B225" s="9">
        <v>9</v>
      </c>
      <c r="C225" s="1" t="s">
        <v>94</v>
      </c>
      <c r="D225" s="1" t="s">
        <v>516</v>
      </c>
    </row>
    <row r="226" spans="1:4" x14ac:dyDescent="0.2">
      <c r="A226" s="3" t="s">
        <v>53</v>
      </c>
      <c r="B226" s="9">
        <v>8</v>
      </c>
      <c r="C226" s="1" t="s">
        <v>329</v>
      </c>
      <c r="D226" s="1" t="s">
        <v>517</v>
      </c>
    </row>
    <row r="227" spans="1:4" x14ac:dyDescent="0.2">
      <c r="A227" s="3" t="s">
        <v>53</v>
      </c>
      <c r="B227" s="9">
        <v>7</v>
      </c>
      <c r="C227" s="1" t="s">
        <v>122</v>
      </c>
      <c r="D227" s="1" t="s">
        <v>518</v>
      </c>
    </row>
    <row r="228" spans="1:4" x14ac:dyDescent="0.2">
      <c r="A228" s="3" t="s">
        <v>53</v>
      </c>
      <c r="B228" s="9">
        <v>6</v>
      </c>
      <c r="C228" s="1" t="s">
        <v>519</v>
      </c>
      <c r="D228" s="1" t="s">
        <v>520</v>
      </c>
    </row>
    <row r="229" spans="1:4" x14ac:dyDescent="0.2">
      <c r="A229" s="3" t="s">
        <v>53</v>
      </c>
      <c r="B229" s="9">
        <v>5</v>
      </c>
      <c r="C229" s="1" t="s">
        <v>81</v>
      </c>
      <c r="D229" s="1" t="s">
        <v>521</v>
      </c>
    </row>
    <row r="230" spans="1:4" x14ac:dyDescent="0.2">
      <c r="A230" s="3" t="s">
        <v>53</v>
      </c>
      <c r="B230" s="9">
        <v>4</v>
      </c>
      <c r="C230" s="1" t="s">
        <v>62</v>
      </c>
      <c r="D230" s="1" t="s">
        <v>522</v>
      </c>
    </row>
    <row r="231" spans="1:4" x14ac:dyDescent="0.2">
      <c r="A231" s="3" t="s">
        <v>53</v>
      </c>
      <c r="B231" s="9">
        <v>3</v>
      </c>
      <c r="C231" s="1" t="s">
        <v>430</v>
      </c>
      <c r="D231" s="1" t="s">
        <v>523</v>
      </c>
    </row>
    <row r="232" spans="1:4" x14ac:dyDescent="0.2">
      <c r="A232" s="3" t="s">
        <v>53</v>
      </c>
      <c r="B232" s="9">
        <v>2</v>
      </c>
      <c r="C232" s="1" t="s">
        <v>69</v>
      </c>
      <c r="D232" s="1" t="s">
        <v>524</v>
      </c>
    </row>
    <row r="233" spans="1:4" x14ac:dyDescent="0.2">
      <c r="A233" s="3" t="s">
        <v>53</v>
      </c>
      <c r="B233" s="9">
        <v>1</v>
      </c>
      <c r="C233" s="1" t="s">
        <v>239</v>
      </c>
      <c r="D233" s="1" t="s">
        <v>525</v>
      </c>
    </row>
    <row r="234" spans="1:4" x14ac:dyDescent="0.2">
      <c r="A234" s="3" t="s">
        <v>16</v>
      </c>
      <c r="B234" s="9">
        <v>10</v>
      </c>
      <c r="C234" s="1" t="s">
        <v>86</v>
      </c>
      <c r="D234" s="1" t="s">
        <v>684</v>
      </c>
    </row>
    <row r="235" spans="1:4" x14ac:dyDescent="0.2">
      <c r="A235" s="3" t="s">
        <v>16</v>
      </c>
      <c r="B235" s="9">
        <v>9</v>
      </c>
      <c r="C235" s="1" t="s">
        <v>329</v>
      </c>
      <c r="D235" s="1" t="s">
        <v>685</v>
      </c>
    </row>
    <row r="236" spans="1:4" x14ac:dyDescent="0.2">
      <c r="A236" s="3" t="s">
        <v>16</v>
      </c>
      <c r="B236" s="9">
        <v>8</v>
      </c>
      <c r="C236" s="1" t="s">
        <v>116</v>
      </c>
      <c r="D236" s="1" t="s">
        <v>686</v>
      </c>
    </row>
    <row r="237" spans="1:4" x14ac:dyDescent="0.2">
      <c r="A237" s="3" t="s">
        <v>16</v>
      </c>
      <c r="B237" s="9">
        <v>7</v>
      </c>
      <c r="C237" s="1" t="s">
        <v>77</v>
      </c>
      <c r="D237" s="1" t="s">
        <v>687</v>
      </c>
    </row>
    <row r="238" spans="1:4" x14ac:dyDescent="0.2">
      <c r="A238" s="3" t="s">
        <v>16</v>
      </c>
      <c r="B238" s="9">
        <v>6</v>
      </c>
      <c r="C238" s="1" t="s">
        <v>212</v>
      </c>
      <c r="D238" s="1" t="s">
        <v>688</v>
      </c>
    </row>
    <row r="239" spans="1:4" x14ac:dyDescent="0.2">
      <c r="A239" s="3" t="s">
        <v>16</v>
      </c>
      <c r="B239" s="9">
        <v>5</v>
      </c>
      <c r="C239" s="1" t="s">
        <v>77</v>
      </c>
      <c r="D239" s="1" t="s">
        <v>689</v>
      </c>
    </row>
    <row r="240" spans="1:4" x14ac:dyDescent="0.2">
      <c r="A240" s="3" t="s">
        <v>16</v>
      </c>
      <c r="B240" s="9">
        <v>4</v>
      </c>
      <c r="C240" s="1" t="s">
        <v>56</v>
      </c>
      <c r="D240" s="1" t="s">
        <v>690</v>
      </c>
    </row>
    <row r="241" spans="1:4" x14ac:dyDescent="0.2">
      <c r="A241" s="3" t="s">
        <v>16</v>
      </c>
      <c r="B241" s="9">
        <v>3</v>
      </c>
      <c r="C241" s="1" t="s">
        <v>56</v>
      </c>
      <c r="D241" s="1" t="s">
        <v>691</v>
      </c>
    </row>
    <row r="242" spans="1:4" x14ac:dyDescent="0.2">
      <c r="A242" s="3" t="s">
        <v>16</v>
      </c>
      <c r="B242" s="9">
        <v>2</v>
      </c>
      <c r="C242" s="1" t="s">
        <v>120</v>
      </c>
      <c r="D242" s="1" t="s">
        <v>692</v>
      </c>
    </row>
    <row r="243" spans="1:4" x14ac:dyDescent="0.2">
      <c r="A243" s="3" t="s">
        <v>16</v>
      </c>
      <c r="B243" s="9">
        <v>1</v>
      </c>
      <c r="C243" s="1" t="s">
        <v>343</v>
      </c>
      <c r="D243" s="1" t="s">
        <v>693</v>
      </c>
    </row>
    <row r="244" spans="1:4" x14ac:dyDescent="0.2">
      <c r="A244" s="3" t="s">
        <v>38</v>
      </c>
      <c r="B244" s="9">
        <v>10</v>
      </c>
      <c r="C244" s="1" t="s">
        <v>108</v>
      </c>
      <c r="D244" s="1" t="s">
        <v>373</v>
      </c>
    </row>
    <row r="245" spans="1:4" x14ac:dyDescent="0.2">
      <c r="A245" s="3" t="s">
        <v>38</v>
      </c>
      <c r="B245" s="9">
        <v>9</v>
      </c>
      <c r="C245" s="1" t="s">
        <v>154</v>
      </c>
      <c r="D245" s="1" t="s">
        <v>374</v>
      </c>
    </row>
    <row r="246" spans="1:4" x14ac:dyDescent="0.2">
      <c r="A246" s="3" t="s">
        <v>38</v>
      </c>
      <c r="B246" s="9">
        <v>8</v>
      </c>
      <c r="C246" s="1" t="s">
        <v>207</v>
      </c>
      <c r="D246" s="1" t="s">
        <v>375</v>
      </c>
    </row>
    <row r="247" spans="1:4" x14ac:dyDescent="0.2">
      <c r="A247" s="3" t="s">
        <v>38</v>
      </c>
      <c r="B247" s="9">
        <v>7</v>
      </c>
      <c r="C247" s="1" t="s">
        <v>329</v>
      </c>
      <c r="D247" s="1" t="s">
        <v>376</v>
      </c>
    </row>
    <row r="248" spans="1:4" x14ac:dyDescent="0.2">
      <c r="A248" s="3" t="s">
        <v>38</v>
      </c>
      <c r="B248" s="9">
        <v>6</v>
      </c>
      <c r="C248" s="1" t="s">
        <v>77</v>
      </c>
      <c r="D248" s="1" t="s">
        <v>377</v>
      </c>
    </row>
    <row r="249" spans="1:4" x14ac:dyDescent="0.2">
      <c r="A249" s="3" t="s">
        <v>38</v>
      </c>
      <c r="B249" s="9">
        <v>5</v>
      </c>
      <c r="C249" s="3" t="s">
        <v>101</v>
      </c>
      <c r="D249" s="11" t="s">
        <v>378</v>
      </c>
    </row>
    <row r="250" spans="1:4" x14ac:dyDescent="0.2">
      <c r="A250" s="3" t="s">
        <v>38</v>
      </c>
      <c r="B250" s="9">
        <v>4</v>
      </c>
      <c r="C250" s="1" t="s">
        <v>62</v>
      </c>
      <c r="D250" s="1" t="s">
        <v>379</v>
      </c>
    </row>
    <row r="251" spans="1:4" x14ac:dyDescent="0.2">
      <c r="A251" s="3" t="s">
        <v>38</v>
      </c>
      <c r="B251" s="9">
        <v>3</v>
      </c>
      <c r="C251" s="1" t="s">
        <v>191</v>
      </c>
      <c r="D251" s="1" t="s">
        <v>380</v>
      </c>
    </row>
    <row r="252" spans="1:4" x14ac:dyDescent="0.2">
      <c r="A252" s="3" t="s">
        <v>38</v>
      </c>
      <c r="B252" s="9">
        <v>2</v>
      </c>
      <c r="C252" s="1" t="s">
        <v>202</v>
      </c>
      <c r="D252" s="1" t="s">
        <v>381</v>
      </c>
    </row>
    <row r="253" spans="1:4" x14ac:dyDescent="0.2">
      <c r="A253" s="3" t="s">
        <v>38</v>
      </c>
      <c r="B253" s="9">
        <v>1</v>
      </c>
      <c r="C253" s="1" t="s">
        <v>67</v>
      </c>
      <c r="D253" s="1" t="s">
        <v>382</v>
      </c>
    </row>
    <row r="254" spans="1:4" x14ac:dyDescent="0.2">
      <c r="A254" s="3" t="s">
        <v>17</v>
      </c>
      <c r="B254" s="9">
        <v>10</v>
      </c>
      <c r="C254" s="1" t="s">
        <v>233</v>
      </c>
      <c r="D254" s="10" t="s">
        <v>234</v>
      </c>
    </row>
    <row r="255" spans="1:4" x14ac:dyDescent="0.2">
      <c r="A255" s="3" t="s">
        <v>17</v>
      </c>
      <c r="B255" s="9">
        <v>9</v>
      </c>
      <c r="C255" s="1" t="s">
        <v>235</v>
      </c>
      <c r="D255" s="10" t="s">
        <v>236</v>
      </c>
    </row>
    <row r="256" spans="1:4" x14ac:dyDescent="0.2">
      <c r="A256" s="3" t="s">
        <v>17</v>
      </c>
      <c r="B256" s="9">
        <v>8</v>
      </c>
      <c r="C256" s="1" t="s">
        <v>237</v>
      </c>
      <c r="D256" s="10" t="s">
        <v>238</v>
      </c>
    </row>
    <row r="257" spans="1:4" x14ac:dyDescent="0.2">
      <c r="A257" s="3" t="s">
        <v>17</v>
      </c>
      <c r="B257" s="9">
        <v>7</v>
      </c>
      <c r="C257" s="1" t="s">
        <v>239</v>
      </c>
      <c r="D257" s="10" t="s">
        <v>240</v>
      </c>
    </row>
    <row r="258" spans="1:4" x14ac:dyDescent="0.2">
      <c r="A258" s="3" t="s">
        <v>17</v>
      </c>
      <c r="B258" s="9">
        <v>6</v>
      </c>
      <c r="C258" s="1" t="s">
        <v>241</v>
      </c>
      <c r="D258" s="10" t="s">
        <v>242</v>
      </c>
    </row>
    <row r="259" spans="1:4" x14ac:dyDescent="0.2">
      <c r="A259" s="3" t="s">
        <v>17</v>
      </c>
      <c r="B259" s="9">
        <v>5</v>
      </c>
      <c r="C259" s="3" t="s">
        <v>101</v>
      </c>
      <c r="D259" s="11" t="s">
        <v>243</v>
      </c>
    </row>
    <row r="260" spans="1:4" x14ac:dyDescent="0.2">
      <c r="A260" s="3" t="s">
        <v>17</v>
      </c>
      <c r="B260" s="9">
        <v>4</v>
      </c>
      <c r="C260" s="1" t="s">
        <v>233</v>
      </c>
      <c r="D260" s="10" t="s">
        <v>244</v>
      </c>
    </row>
    <row r="261" spans="1:4" x14ac:dyDescent="0.2">
      <c r="A261" s="3" t="s">
        <v>17</v>
      </c>
      <c r="B261" s="9">
        <v>3</v>
      </c>
      <c r="C261" s="1" t="s">
        <v>207</v>
      </c>
      <c r="D261" s="10" t="s">
        <v>245</v>
      </c>
    </row>
    <row r="262" spans="1:4" x14ac:dyDescent="0.2">
      <c r="A262" s="3" t="s">
        <v>17</v>
      </c>
      <c r="B262" s="9">
        <v>2</v>
      </c>
      <c r="C262" s="1" t="s">
        <v>178</v>
      </c>
      <c r="D262" s="10" t="s">
        <v>246</v>
      </c>
    </row>
    <row r="263" spans="1:4" x14ac:dyDescent="0.2">
      <c r="A263" s="3" t="s">
        <v>17</v>
      </c>
      <c r="B263" s="9">
        <v>1</v>
      </c>
      <c r="C263" s="1" t="s">
        <v>207</v>
      </c>
      <c r="D263" s="10" t="s">
        <v>247</v>
      </c>
    </row>
    <row r="264" spans="1:4" x14ac:dyDescent="0.2">
      <c r="A264" s="3" t="s">
        <v>18</v>
      </c>
      <c r="B264" s="9">
        <v>10</v>
      </c>
      <c r="C264" s="1" t="s">
        <v>69</v>
      </c>
      <c r="D264" s="10" t="s">
        <v>694</v>
      </c>
    </row>
    <row r="265" spans="1:4" x14ac:dyDescent="0.2">
      <c r="A265" s="3" t="s">
        <v>18</v>
      </c>
      <c r="B265" s="9">
        <v>9</v>
      </c>
      <c r="C265" s="10" t="s">
        <v>165</v>
      </c>
      <c r="D265" s="10" t="s">
        <v>695</v>
      </c>
    </row>
    <row r="266" spans="1:4" x14ac:dyDescent="0.2">
      <c r="A266" s="3" t="s">
        <v>18</v>
      </c>
      <c r="B266" s="9">
        <v>8</v>
      </c>
      <c r="C266" s="1" t="s">
        <v>284</v>
      </c>
      <c r="D266" s="10" t="s">
        <v>696</v>
      </c>
    </row>
    <row r="267" spans="1:4" x14ac:dyDescent="0.2">
      <c r="A267" s="3" t="s">
        <v>18</v>
      </c>
      <c r="B267" s="9">
        <v>7</v>
      </c>
      <c r="C267" s="1" t="s">
        <v>697</v>
      </c>
      <c r="D267" s="10" t="s">
        <v>698</v>
      </c>
    </row>
    <row r="268" spans="1:4" x14ac:dyDescent="0.2">
      <c r="A268" s="3" t="s">
        <v>18</v>
      </c>
      <c r="B268" s="9">
        <v>6</v>
      </c>
      <c r="C268" s="1" t="s">
        <v>699</v>
      </c>
      <c r="D268" s="10" t="s">
        <v>700</v>
      </c>
    </row>
    <row r="269" spans="1:4" x14ac:dyDescent="0.2">
      <c r="A269" s="3" t="s">
        <v>18</v>
      </c>
      <c r="B269" s="9">
        <v>5</v>
      </c>
      <c r="C269" s="1" t="s">
        <v>71</v>
      </c>
      <c r="D269" s="10" t="s">
        <v>701</v>
      </c>
    </row>
    <row r="270" spans="1:4" x14ac:dyDescent="0.2">
      <c r="A270" s="3" t="s">
        <v>18</v>
      </c>
      <c r="B270" s="9">
        <v>4</v>
      </c>
      <c r="C270" s="1" t="s">
        <v>699</v>
      </c>
      <c r="D270" s="10" t="s">
        <v>702</v>
      </c>
    </row>
    <row r="271" spans="1:4" x14ac:dyDescent="0.2">
      <c r="A271" s="3" t="s">
        <v>18</v>
      </c>
      <c r="B271" s="9">
        <v>3</v>
      </c>
      <c r="C271" s="1" t="s">
        <v>79</v>
      </c>
      <c r="D271" s="10" t="s">
        <v>703</v>
      </c>
    </row>
    <row r="272" spans="1:4" x14ac:dyDescent="0.2">
      <c r="A272" s="3" t="s">
        <v>18</v>
      </c>
      <c r="B272" s="9">
        <v>2</v>
      </c>
      <c r="C272" s="1" t="s">
        <v>129</v>
      </c>
      <c r="D272" s="10" t="s">
        <v>704</v>
      </c>
    </row>
    <row r="273" spans="1:4" x14ac:dyDescent="0.2">
      <c r="A273" s="3" t="s">
        <v>18</v>
      </c>
      <c r="B273" s="9">
        <v>1</v>
      </c>
      <c r="C273" s="1" t="s">
        <v>352</v>
      </c>
      <c r="D273" s="10" t="s">
        <v>705</v>
      </c>
    </row>
    <row r="274" spans="1:4" x14ac:dyDescent="0.2">
      <c r="A274" s="3" t="s">
        <v>47</v>
      </c>
      <c r="B274" s="9">
        <v>10</v>
      </c>
      <c r="C274" s="1"/>
      <c r="D274" s="8"/>
    </row>
    <row r="275" spans="1:4" x14ac:dyDescent="0.2">
      <c r="A275" s="3" t="s">
        <v>47</v>
      </c>
      <c r="B275" s="9">
        <v>9</v>
      </c>
      <c r="C275" s="1" t="s">
        <v>346</v>
      </c>
      <c r="D275" s="1" t="s">
        <v>608</v>
      </c>
    </row>
    <row r="276" spans="1:4" x14ac:dyDescent="0.2">
      <c r="A276" s="3" t="s">
        <v>47</v>
      </c>
      <c r="B276" s="9">
        <v>8</v>
      </c>
      <c r="C276" s="10" t="s">
        <v>350</v>
      </c>
      <c r="D276" s="3" t="s">
        <v>609</v>
      </c>
    </row>
    <row r="277" spans="1:4" x14ac:dyDescent="0.2">
      <c r="A277" s="3" t="s">
        <v>47</v>
      </c>
      <c r="B277" s="9">
        <v>7</v>
      </c>
      <c r="C277" s="1" t="s">
        <v>171</v>
      </c>
      <c r="D277" s="1" t="s">
        <v>610</v>
      </c>
    </row>
    <row r="278" spans="1:4" x14ac:dyDescent="0.2">
      <c r="A278" s="3" t="s">
        <v>47</v>
      </c>
      <c r="B278" s="9">
        <v>6</v>
      </c>
      <c r="C278" s="1" t="s">
        <v>145</v>
      </c>
      <c r="D278" s="1" t="s">
        <v>611</v>
      </c>
    </row>
    <row r="279" spans="1:4" x14ac:dyDescent="0.2">
      <c r="A279" s="3" t="s">
        <v>47</v>
      </c>
      <c r="B279" s="9">
        <v>5</v>
      </c>
      <c r="C279" s="1" t="s">
        <v>278</v>
      </c>
      <c r="D279" s="1" t="s">
        <v>612</v>
      </c>
    </row>
    <row r="280" spans="1:4" x14ac:dyDescent="0.2">
      <c r="A280" s="3" t="s">
        <v>47</v>
      </c>
      <c r="B280" s="9">
        <v>4</v>
      </c>
      <c r="C280" s="1" t="s">
        <v>108</v>
      </c>
      <c r="D280" s="1" t="s">
        <v>613</v>
      </c>
    </row>
    <row r="281" spans="1:4" x14ac:dyDescent="0.2">
      <c r="A281" s="3" t="s">
        <v>47</v>
      </c>
      <c r="B281" s="9">
        <v>3</v>
      </c>
      <c r="C281" s="1" t="s">
        <v>81</v>
      </c>
      <c r="D281" s="1" t="s">
        <v>614</v>
      </c>
    </row>
    <row r="282" spans="1:4" x14ac:dyDescent="0.2">
      <c r="A282" s="3" t="s">
        <v>47</v>
      </c>
      <c r="B282" s="9">
        <v>2</v>
      </c>
      <c r="C282" s="1" t="s">
        <v>94</v>
      </c>
      <c r="D282" s="1" t="s">
        <v>615</v>
      </c>
    </row>
    <row r="283" spans="1:4" x14ac:dyDescent="0.2">
      <c r="A283" s="3" t="s">
        <v>47</v>
      </c>
      <c r="B283" s="9">
        <v>1</v>
      </c>
      <c r="C283" s="3" t="s">
        <v>101</v>
      </c>
      <c r="D283" s="11" t="s">
        <v>616</v>
      </c>
    </row>
    <row r="284" spans="1:4" x14ac:dyDescent="0.2">
      <c r="A284" s="3" t="s">
        <v>34</v>
      </c>
      <c r="B284" s="9">
        <v>10</v>
      </c>
      <c r="C284" s="1" t="s">
        <v>325</v>
      </c>
      <c r="D284" s="1" t="s">
        <v>404</v>
      </c>
    </row>
    <row r="285" spans="1:4" x14ac:dyDescent="0.2">
      <c r="A285" s="3" t="s">
        <v>34</v>
      </c>
      <c r="B285" s="9">
        <v>9</v>
      </c>
      <c r="C285" s="1" t="s">
        <v>405</v>
      </c>
      <c r="D285" s="1" t="s">
        <v>406</v>
      </c>
    </row>
    <row r="286" spans="1:4" x14ac:dyDescent="0.2">
      <c r="A286" s="3" t="s">
        <v>34</v>
      </c>
      <c r="B286" s="9">
        <v>8</v>
      </c>
      <c r="C286" s="1" t="s">
        <v>96</v>
      </c>
      <c r="D286" s="1" t="s">
        <v>407</v>
      </c>
    </row>
    <row r="287" spans="1:4" x14ac:dyDescent="0.2">
      <c r="A287" s="3" t="s">
        <v>34</v>
      </c>
      <c r="B287" s="9">
        <v>7</v>
      </c>
      <c r="C287" s="1" t="s">
        <v>84</v>
      </c>
      <c r="D287" s="1" t="s">
        <v>408</v>
      </c>
    </row>
    <row r="288" spans="1:4" x14ac:dyDescent="0.2">
      <c r="A288" s="3" t="s">
        <v>34</v>
      </c>
      <c r="B288" s="9">
        <v>6</v>
      </c>
      <c r="C288" s="1" t="s">
        <v>181</v>
      </c>
      <c r="D288" s="1" t="s">
        <v>409</v>
      </c>
    </row>
    <row r="289" spans="1:4" x14ac:dyDescent="0.2">
      <c r="A289" s="3" t="s">
        <v>34</v>
      </c>
      <c r="B289" s="9">
        <v>5</v>
      </c>
      <c r="C289" s="1" t="s">
        <v>410</v>
      </c>
      <c r="D289" s="1" t="s">
        <v>411</v>
      </c>
    </row>
    <row r="290" spans="1:4" x14ac:dyDescent="0.2">
      <c r="A290" s="3" t="s">
        <v>34</v>
      </c>
      <c r="B290" s="9">
        <v>4</v>
      </c>
      <c r="C290" s="1" t="s">
        <v>346</v>
      </c>
      <c r="D290" s="1" t="s">
        <v>412</v>
      </c>
    </row>
    <row r="291" spans="1:4" x14ac:dyDescent="0.2">
      <c r="A291" s="3" t="s">
        <v>34</v>
      </c>
      <c r="B291" s="9">
        <v>3</v>
      </c>
      <c r="C291" s="1" t="s">
        <v>189</v>
      </c>
      <c r="D291" s="1" t="s">
        <v>413</v>
      </c>
    </row>
    <row r="292" spans="1:4" x14ac:dyDescent="0.2">
      <c r="A292" s="3" t="s">
        <v>34</v>
      </c>
      <c r="B292" s="9">
        <v>2</v>
      </c>
      <c r="C292" s="3" t="s">
        <v>101</v>
      </c>
      <c r="D292" s="11" t="s">
        <v>414</v>
      </c>
    </row>
    <row r="293" spans="1:4" x14ac:dyDescent="0.2">
      <c r="A293" s="3" t="s">
        <v>34</v>
      </c>
      <c r="B293" s="9">
        <v>1</v>
      </c>
      <c r="C293" s="10" t="s">
        <v>165</v>
      </c>
      <c r="D293" s="10" t="s">
        <v>415</v>
      </c>
    </row>
    <row r="294" spans="1:4" x14ac:dyDescent="0.2">
      <c r="A294" s="3" t="s">
        <v>737</v>
      </c>
      <c r="B294" s="9">
        <v>10</v>
      </c>
      <c r="C294" s="1" t="s">
        <v>205</v>
      </c>
      <c r="D294" s="10" t="s">
        <v>222</v>
      </c>
    </row>
    <row r="295" spans="1:4" x14ac:dyDescent="0.2">
      <c r="A295" s="3" t="s">
        <v>737</v>
      </c>
      <c r="B295" s="9">
        <v>9</v>
      </c>
      <c r="C295" s="1" t="s">
        <v>56</v>
      </c>
      <c r="D295" s="10" t="s">
        <v>223</v>
      </c>
    </row>
    <row r="296" spans="1:4" x14ac:dyDescent="0.2">
      <c r="A296" s="3" t="s">
        <v>737</v>
      </c>
      <c r="B296" s="9">
        <v>8</v>
      </c>
      <c r="C296" s="1" t="s">
        <v>67</v>
      </c>
      <c r="D296" s="10" t="s">
        <v>224</v>
      </c>
    </row>
    <row r="297" spans="1:4" x14ac:dyDescent="0.2">
      <c r="A297" s="3" t="s">
        <v>737</v>
      </c>
      <c r="B297" s="9">
        <v>7</v>
      </c>
      <c r="C297" s="1" t="s">
        <v>81</v>
      </c>
      <c r="D297" s="10" t="s">
        <v>225</v>
      </c>
    </row>
    <row r="298" spans="1:4" x14ac:dyDescent="0.2">
      <c r="A298" s="3" t="s">
        <v>737</v>
      </c>
      <c r="B298" s="9">
        <v>6</v>
      </c>
      <c r="C298" s="1" t="s">
        <v>64</v>
      </c>
      <c r="D298" s="10" t="s">
        <v>226</v>
      </c>
    </row>
    <row r="299" spans="1:4" x14ac:dyDescent="0.2">
      <c r="A299" s="3" t="s">
        <v>737</v>
      </c>
      <c r="B299" s="9">
        <v>5</v>
      </c>
      <c r="C299" s="1" t="s">
        <v>227</v>
      </c>
      <c r="D299" s="10" t="s">
        <v>228</v>
      </c>
    </row>
    <row r="300" spans="1:4" x14ac:dyDescent="0.2">
      <c r="A300" s="3" t="s">
        <v>737</v>
      </c>
      <c r="B300" s="9">
        <v>4</v>
      </c>
      <c r="C300" s="1" t="s">
        <v>178</v>
      </c>
      <c r="D300" s="10" t="s">
        <v>229</v>
      </c>
    </row>
    <row r="301" spans="1:4" x14ac:dyDescent="0.2">
      <c r="A301" s="3" t="s">
        <v>737</v>
      </c>
      <c r="B301" s="9">
        <v>3</v>
      </c>
      <c r="C301" s="1" t="s">
        <v>230</v>
      </c>
      <c r="D301" s="10" t="s">
        <v>231</v>
      </c>
    </row>
    <row r="302" spans="1:4" x14ac:dyDescent="0.2">
      <c r="A302" s="3" t="s">
        <v>737</v>
      </c>
      <c r="B302" s="9">
        <v>2</v>
      </c>
      <c r="C302" s="1" t="s">
        <v>547</v>
      </c>
      <c r="D302" s="10" t="s">
        <v>548</v>
      </c>
    </row>
    <row r="303" spans="1:4" x14ac:dyDescent="0.2">
      <c r="A303" s="3" t="s">
        <v>737</v>
      </c>
      <c r="B303" s="9">
        <v>1</v>
      </c>
      <c r="C303" s="1" t="s">
        <v>127</v>
      </c>
      <c r="D303" s="10" t="s">
        <v>232</v>
      </c>
    </row>
    <row r="304" spans="1:4" x14ac:dyDescent="0.2">
      <c r="A304" s="3" t="s">
        <v>35</v>
      </c>
      <c r="B304" s="9">
        <v>10</v>
      </c>
      <c r="C304" s="10" t="s">
        <v>350</v>
      </c>
      <c r="D304" s="3" t="s">
        <v>706</v>
      </c>
    </row>
    <row r="305" spans="1:4" x14ac:dyDescent="0.2">
      <c r="A305" s="3" t="s">
        <v>35</v>
      </c>
      <c r="B305" s="9">
        <v>9</v>
      </c>
      <c r="C305" s="1" t="s">
        <v>202</v>
      </c>
      <c r="D305" s="10" t="s">
        <v>707</v>
      </c>
    </row>
    <row r="306" spans="1:4" x14ac:dyDescent="0.2">
      <c r="A306" s="3" t="s">
        <v>35</v>
      </c>
      <c r="B306" s="9">
        <v>8</v>
      </c>
      <c r="C306" s="1" t="s">
        <v>96</v>
      </c>
      <c r="D306" s="10" t="s">
        <v>708</v>
      </c>
    </row>
    <row r="307" spans="1:4" x14ac:dyDescent="0.2">
      <c r="A307" s="3" t="s">
        <v>35</v>
      </c>
      <c r="B307" s="9">
        <v>7</v>
      </c>
      <c r="C307" s="1" t="s">
        <v>202</v>
      </c>
      <c r="D307" s="10" t="s">
        <v>709</v>
      </c>
    </row>
    <row r="308" spans="1:4" x14ac:dyDescent="0.2">
      <c r="A308" s="3" t="s">
        <v>35</v>
      </c>
      <c r="B308" s="9">
        <v>6</v>
      </c>
      <c r="C308" s="1" t="s">
        <v>444</v>
      </c>
      <c r="D308" s="10" t="s">
        <v>710</v>
      </c>
    </row>
    <row r="309" spans="1:4" x14ac:dyDescent="0.2">
      <c r="A309" s="3" t="s">
        <v>35</v>
      </c>
      <c r="B309" s="9">
        <v>5</v>
      </c>
      <c r="C309" s="1" t="s">
        <v>56</v>
      </c>
      <c r="D309" s="10" t="s">
        <v>711</v>
      </c>
    </row>
    <row r="310" spans="1:4" x14ac:dyDescent="0.2">
      <c r="A310" s="3" t="s">
        <v>35</v>
      </c>
      <c r="B310" s="9">
        <v>4</v>
      </c>
      <c r="C310" s="1" t="s">
        <v>88</v>
      </c>
      <c r="D310" s="10" t="s">
        <v>712</v>
      </c>
    </row>
    <row r="311" spans="1:4" x14ac:dyDescent="0.2">
      <c r="A311" s="3" t="s">
        <v>35</v>
      </c>
      <c r="B311" s="9">
        <v>3</v>
      </c>
      <c r="C311" s="1" t="s">
        <v>129</v>
      </c>
      <c r="D311" s="10" t="s">
        <v>713</v>
      </c>
    </row>
    <row r="312" spans="1:4" x14ac:dyDescent="0.2">
      <c r="A312" s="3" t="s">
        <v>35</v>
      </c>
      <c r="B312" s="9">
        <v>2</v>
      </c>
      <c r="C312" s="1" t="s">
        <v>205</v>
      </c>
      <c r="D312" s="10" t="s">
        <v>714</v>
      </c>
    </row>
    <row r="313" spans="1:4" x14ac:dyDescent="0.2">
      <c r="A313" s="3" t="s">
        <v>35</v>
      </c>
      <c r="B313" s="9">
        <v>1</v>
      </c>
      <c r="C313" s="1" t="s">
        <v>241</v>
      </c>
      <c r="D313" s="10" t="s">
        <v>715</v>
      </c>
    </row>
    <row r="314" spans="1:4" x14ac:dyDescent="0.2">
      <c r="A314" s="3" t="s">
        <v>19</v>
      </c>
      <c r="B314" s="9">
        <v>10</v>
      </c>
      <c r="C314" s="1" t="s">
        <v>387</v>
      </c>
      <c r="D314" s="1" t="s">
        <v>394</v>
      </c>
    </row>
    <row r="315" spans="1:4" x14ac:dyDescent="0.2">
      <c r="A315" s="3" t="s">
        <v>19</v>
      </c>
      <c r="B315" s="9">
        <v>9</v>
      </c>
      <c r="C315" s="1" t="s">
        <v>81</v>
      </c>
      <c r="D315" s="1" t="s">
        <v>395</v>
      </c>
    </row>
    <row r="316" spans="1:4" x14ac:dyDescent="0.2">
      <c r="A316" s="3" t="s">
        <v>19</v>
      </c>
      <c r="B316" s="9">
        <v>8</v>
      </c>
      <c r="C316" s="1" t="s">
        <v>120</v>
      </c>
      <c r="D316" s="1" t="s">
        <v>396</v>
      </c>
    </row>
    <row r="317" spans="1:4" x14ac:dyDescent="0.2">
      <c r="A317" s="3" t="s">
        <v>19</v>
      </c>
      <c r="B317" s="9">
        <v>7</v>
      </c>
      <c r="C317" s="1" t="s">
        <v>120</v>
      </c>
      <c r="D317" s="1" t="s">
        <v>397</v>
      </c>
    </row>
    <row r="318" spans="1:4" x14ac:dyDescent="0.2">
      <c r="A318" s="3" t="s">
        <v>19</v>
      </c>
      <c r="B318" s="9">
        <v>6</v>
      </c>
      <c r="C318" s="1" t="s">
        <v>198</v>
      </c>
      <c r="D318" s="1" t="s">
        <v>398</v>
      </c>
    </row>
    <row r="319" spans="1:4" x14ac:dyDescent="0.2">
      <c r="A319" s="3" t="s">
        <v>19</v>
      </c>
      <c r="B319" s="9">
        <v>5</v>
      </c>
      <c r="C319" s="3" t="s">
        <v>101</v>
      </c>
      <c r="D319" s="13" t="s">
        <v>399</v>
      </c>
    </row>
    <row r="320" spans="1:4" x14ac:dyDescent="0.2">
      <c r="A320" s="3" t="s">
        <v>19</v>
      </c>
      <c r="B320" s="9">
        <v>4</v>
      </c>
      <c r="C320" s="3" t="s">
        <v>101</v>
      </c>
      <c r="D320" s="13" t="s">
        <v>400</v>
      </c>
    </row>
    <row r="321" spans="1:4" x14ac:dyDescent="0.2">
      <c r="A321" s="3" t="s">
        <v>19</v>
      </c>
      <c r="B321" s="9">
        <v>3</v>
      </c>
      <c r="C321" s="1" t="s">
        <v>205</v>
      </c>
      <c r="D321" s="1" t="s">
        <v>401</v>
      </c>
    </row>
    <row r="322" spans="1:4" x14ac:dyDescent="0.2">
      <c r="A322" s="3" t="s">
        <v>19</v>
      </c>
      <c r="B322" s="9">
        <v>2</v>
      </c>
      <c r="C322" s="1" t="s">
        <v>81</v>
      </c>
      <c r="D322" s="1" t="s">
        <v>402</v>
      </c>
    </row>
    <row r="323" spans="1:4" x14ac:dyDescent="0.2">
      <c r="A323" s="3" t="s">
        <v>19</v>
      </c>
      <c r="B323" s="9">
        <v>1</v>
      </c>
      <c r="C323" s="1" t="s">
        <v>325</v>
      </c>
      <c r="D323" s="1" t="s">
        <v>403</v>
      </c>
    </row>
    <row r="324" spans="1:4" x14ac:dyDescent="0.2">
      <c r="A324" s="3" t="s">
        <v>54</v>
      </c>
      <c r="B324" s="9">
        <v>10</v>
      </c>
      <c r="C324" s="1" t="s">
        <v>202</v>
      </c>
      <c r="D324" s="10" t="s">
        <v>617</v>
      </c>
    </row>
    <row r="325" spans="1:4" x14ac:dyDescent="0.2">
      <c r="A325" s="3" t="s">
        <v>54</v>
      </c>
      <c r="B325" s="9">
        <v>9</v>
      </c>
      <c r="C325" s="1" t="s">
        <v>94</v>
      </c>
      <c r="D325" s="10" t="s">
        <v>618</v>
      </c>
    </row>
    <row r="326" spans="1:4" x14ac:dyDescent="0.2">
      <c r="A326" s="3" t="s">
        <v>54</v>
      </c>
      <c r="B326" s="9">
        <v>8</v>
      </c>
      <c r="C326" s="1" t="s">
        <v>77</v>
      </c>
      <c r="D326" s="10" t="s">
        <v>619</v>
      </c>
    </row>
    <row r="327" spans="1:4" x14ac:dyDescent="0.2">
      <c r="A327" s="3" t="s">
        <v>54</v>
      </c>
      <c r="B327" s="9">
        <v>7</v>
      </c>
      <c r="C327" s="1" t="s">
        <v>620</v>
      </c>
      <c r="D327" s="10" t="s">
        <v>621</v>
      </c>
    </row>
    <row r="328" spans="1:4" x14ac:dyDescent="0.2">
      <c r="A328" s="3" t="s">
        <v>54</v>
      </c>
      <c r="B328" s="9">
        <v>6</v>
      </c>
      <c r="C328" s="1" t="s">
        <v>151</v>
      </c>
      <c r="D328" s="10" t="s">
        <v>622</v>
      </c>
    </row>
    <row r="329" spans="1:4" x14ac:dyDescent="0.2">
      <c r="A329" s="3" t="s">
        <v>54</v>
      </c>
      <c r="B329" s="9">
        <v>5</v>
      </c>
      <c r="C329" s="1" t="s">
        <v>58</v>
      </c>
      <c r="D329" s="10" t="s">
        <v>623</v>
      </c>
    </row>
    <row r="330" spans="1:4" x14ac:dyDescent="0.2">
      <c r="A330" s="3" t="s">
        <v>54</v>
      </c>
      <c r="B330" s="9">
        <v>4</v>
      </c>
      <c r="C330" s="1" t="s">
        <v>81</v>
      </c>
      <c r="D330" s="10" t="s">
        <v>624</v>
      </c>
    </row>
    <row r="331" spans="1:4" x14ac:dyDescent="0.2">
      <c r="A331" s="3" t="s">
        <v>54</v>
      </c>
      <c r="B331" s="9">
        <v>3</v>
      </c>
      <c r="C331" s="1" t="s">
        <v>290</v>
      </c>
      <c r="D331" s="10" t="s">
        <v>625</v>
      </c>
    </row>
    <row r="332" spans="1:4" x14ac:dyDescent="0.2">
      <c r="A332" s="3" t="s">
        <v>54</v>
      </c>
      <c r="B332" s="9">
        <v>2</v>
      </c>
      <c r="C332" s="3" t="s">
        <v>101</v>
      </c>
      <c r="D332" s="11" t="s">
        <v>626</v>
      </c>
    </row>
    <row r="333" spans="1:4" x14ac:dyDescent="0.2">
      <c r="A333" s="3" t="s">
        <v>54</v>
      </c>
      <c r="B333" s="9">
        <v>1</v>
      </c>
      <c r="C333" s="1" t="s">
        <v>81</v>
      </c>
      <c r="D333" s="10" t="s">
        <v>627</v>
      </c>
    </row>
    <row r="334" spans="1:4" x14ac:dyDescent="0.2">
      <c r="A334" s="3" t="s">
        <v>43</v>
      </c>
      <c r="B334" s="9">
        <v>10</v>
      </c>
      <c r="C334" s="8"/>
      <c r="D334" s="1"/>
    </row>
    <row r="335" spans="1:4" x14ac:dyDescent="0.2">
      <c r="A335" s="3" t="s">
        <v>43</v>
      </c>
      <c r="B335" s="9">
        <v>9</v>
      </c>
      <c r="C335" s="8"/>
      <c r="D335" s="1"/>
    </row>
    <row r="336" spans="1:4" x14ac:dyDescent="0.2">
      <c r="A336" s="3" t="s">
        <v>43</v>
      </c>
      <c r="B336" s="9">
        <v>8</v>
      </c>
      <c r="C336" s="8"/>
      <c r="D336" s="1"/>
    </row>
    <row r="337" spans="1:4" x14ac:dyDescent="0.2">
      <c r="A337" s="3" t="s">
        <v>43</v>
      </c>
      <c r="B337" s="9">
        <v>7</v>
      </c>
      <c r="C337" s="8"/>
      <c r="D337" s="1"/>
    </row>
    <row r="338" spans="1:4" x14ac:dyDescent="0.2">
      <c r="A338" s="3" t="s">
        <v>43</v>
      </c>
      <c r="B338" s="9">
        <v>6</v>
      </c>
      <c r="C338" s="1" t="s">
        <v>212</v>
      </c>
      <c r="D338" s="10" t="s">
        <v>213</v>
      </c>
    </row>
    <row r="339" spans="1:4" x14ac:dyDescent="0.2">
      <c r="A339" s="3" t="s">
        <v>43</v>
      </c>
      <c r="B339" s="9">
        <v>5</v>
      </c>
      <c r="C339" s="1" t="s">
        <v>214</v>
      </c>
      <c r="D339" s="10" t="s">
        <v>215</v>
      </c>
    </row>
    <row r="340" spans="1:4" x14ac:dyDescent="0.2">
      <c r="A340" s="3" t="s">
        <v>43</v>
      </c>
      <c r="B340" s="9">
        <v>4</v>
      </c>
      <c r="C340" s="1" t="s">
        <v>216</v>
      </c>
      <c r="D340" s="10" t="s">
        <v>217</v>
      </c>
    </row>
    <row r="341" spans="1:4" x14ac:dyDescent="0.2">
      <c r="A341" s="3" t="s">
        <v>43</v>
      </c>
      <c r="B341" s="9">
        <v>3</v>
      </c>
      <c r="C341" s="1" t="s">
        <v>218</v>
      </c>
      <c r="D341" s="10" t="s">
        <v>219</v>
      </c>
    </row>
    <row r="342" spans="1:4" x14ac:dyDescent="0.2">
      <c r="A342" s="3" t="s">
        <v>43</v>
      </c>
      <c r="B342" s="9">
        <v>2</v>
      </c>
      <c r="C342" s="3" t="s">
        <v>101</v>
      </c>
      <c r="D342" s="11" t="s">
        <v>220</v>
      </c>
    </row>
    <row r="343" spans="1:4" x14ac:dyDescent="0.2">
      <c r="A343" s="3" t="s">
        <v>43</v>
      </c>
      <c r="B343" s="9">
        <v>1</v>
      </c>
      <c r="C343" s="1" t="s">
        <v>178</v>
      </c>
      <c r="D343" s="10" t="s">
        <v>221</v>
      </c>
    </row>
    <row r="344" spans="1:4" x14ac:dyDescent="0.2">
      <c r="A344" s="3" t="s">
        <v>50</v>
      </c>
      <c r="B344" s="9">
        <v>10</v>
      </c>
      <c r="C344" s="1" t="s">
        <v>198</v>
      </c>
      <c r="D344" s="10" t="s">
        <v>569</v>
      </c>
    </row>
    <row r="345" spans="1:4" x14ac:dyDescent="0.2">
      <c r="A345" s="3" t="s">
        <v>50</v>
      </c>
      <c r="B345" s="9">
        <v>9</v>
      </c>
      <c r="C345" s="10" t="s">
        <v>165</v>
      </c>
      <c r="D345" s="10" t="s">
        <v>570</v>
      </c>
    </row>
    <row r="346" spans="1:4" x14ac:dyDescent="0.2">
      <c r="A346" s="3" t="s">
        <v>50</v>
      </c>
      <c r="B346" s="9">
        <v>8</v>
      </c>
      <c r="C346" s="1" t="s">
        <v>233</v>
      </c>
      <c r="D346" s="10" t="s">
        <v>571</v>
      </c>
    </row>
    <row r="347" spans="1:4" x14ac:dyDescent="0.2">
      <c r="A347" s="3" t="s">
        <v>50</v>
      </c>
      <c r="B347" s="9">
        <v>7</v>
      </c>
      <c r="C347" s="1" t="s">
        <v>178</v>
      </c>
      <c r="D347" s="10" t="s">
        <v>572</v>
      </c>
    </row>
    <row r="348" spans="1:4" x14ac:dyDescent="0.2">
      <c r="A348" s="3" t="s">
        <v>50</v>
      </c>
      <c r="B348" s="9">
        <v>6</v>
      </c>
      <c r="C348" s="1" t="s">
        <v>122</v>
      </c>
      <c r="D348" s="10" t="s">
        <v>573</v>
      </c>
    </row>
    <row r="349" spans="1:4" x14ac:dyDescent="0.2">
      <c r="A349" s="3" t="s">
        <v>50</v>
      </c>
      <c r="B349" s="9">
        <v>5</v>
      </c>
      <c r="C349" s="1" t="s">
        <v>178</v>
      </c>
      <c r="D349" s="10" t="s">
        <v>574</v>
      </c>
    </row>
    <row r="350" spans="1:4" x14ac:dyDescent="0.2">
      <c r="A350" s="3" t="s">
        <v>50</v>
      </c>
      <c r="B350" s="9">
        <v>4</v>
      </c>
      <c r="C350" s="1" t="s">
        <v>191</v>
      </c>
      <c r="D350" s="10" t="s">
        <v>575</v>
      </c>
    </row>
    <row r="351" spans="1:4" x14ac:dyDescent="0.2">
      <c r="A351" s="3" t="s">
        <v>50</v>
      </c>
      <c r="B351" s="9">
        <v>3</v>
      </c>
      <c r="C351" s="1" t="s">
        <v>58</v>
      </c>
      <c r="D351" s="10" t="s">
        <v>576</v>
      </c>
    </row>
    <row r="352" spans="1:4" x14ac:dyDescent="0.2">
      <c r="A352" s="3" t="s">
        <v>50</v>
      </c>
      <c r="B352" s="9">
        <v>2</v>
      </c>
      <c r="C352" s="1" t="s">
        <v>136</v>
      </c>
      <c r="D352" s="10" t="s">
        <v>577</v>
      </c>
    </row>
    <row r="353" spans="1:4" x14ac:dyDescent="0.2">
      <c r="A353" s="3" t="s">
        <v>50</v>
      </c>
      <c r="B353" s="9">
        <v>1</v>
      </c>
      <c r="C353" s="1" t="s">
        <v>62</v>
      </c>
      <c r="D353" s="10" t="s">
        <v>578</v>
      </c>
    </row>
    <row r="354" spans="1:4" x14ac:dyDescent="0.2">
      <c r="A354" s="3" t="s">
        <v>20</v>
      </c>
      <c r="B354" s="9">
        <v>10</v>
      </c>
      <c r="C354" s="8"/>
      <c r="D354" s="1"/>
    </row>
    <row r="355" spans="1:4" x14ac:dyDescent="0.2">
      <c r="A355" s="3" t="s">
        <v>20</v>
      </c>
      <c r="B355" s="9">
        <v>9</v>
      </c>
      <c r="C355" s="1" t="s">
        <v>120</v>
      </c>
      <c r="D355" s="10" t="s">
        <v>337</v>
      </c>
    </row>
    <row r="356" spans="1:4" x14ac:dyDescent="0.2">
      <c r="A356" s="3" t="s">
        <v>20</v>
      </c>
      <c r="B356" s="9">
        <v>8</v>
      </c>
      <c r="C356" s="1" t="s">
        <v>116</v>
      </c>
      <c r="D356" s="10" t="s">
        <v>338</v>
      </c>
    </row>
    <row r="357" spans="1:4" x14ac:dyDescent="0.2">
      <c r="A357" s="3" t="s">
        <v>20</v>
      </c>
      <c r="B357" s="9">
        <v>7</v>
      </c>
      <c r="C357" s="1" t="s">
        <v>108</v>
      </c>
      <c r="D357" s="10" t="s">
        <v>339</v>
      </c>
    </row>
    <row r="358" spans="1:4" x14ac:dyDescent="0.2">
      <c r="A358" s="3" t="s">
        <v>20</v>
      </c>
      <c r="B358" s="9">
        <v>6</v>
      </c>
      <c r="C358" s="3" t="s">
        <v>101</v>
      </c>
      <c r="D358" s="11" t="s">
        <v>340</v>
      </c>
    </row>
    <row r="359" spans="1:4" x14ac:dyDescent="0.2">
      <c r="A359" s="3" t="s">
        <v>20</v>
      </c>
      <c r="B359" s="9">
        <v>5</v>
      </c>
      <c r="C359" s="1" t="s">
        <v>276</v>
      </c>
      <c r="D359" s="10" t="s">
        <v>341</v>
      </c>
    </row>
    <row r="360" spans="1:4" x14ac:dyDescent="0.2">
      <c r="A360" s="3" t="s">
        <v>20</v>
      </c>
      <c r="B360" s="9">
        <v>4</v>
      </c>
      <c r="C360" s="1" t="s">
        <v>69</v>
      </c>
      <c r="D360" s="10" t="s">
        <v>342</v>
      </c>
    </row>
    <row r="361" spans="1:4" x14ac:dyDescent="0.2">
      <c r="A361" s="3" t="s">
        <v>20</v>
      </c>
      <c r="B361" s="9">
        <v>3</v>
      </c>
      <c r="C361" s="1" t="s">
        <v>343</v>
      </c>
      <c r="D361" s="10" t="s">
        <v>344</v>
      </c>
    </row>
    <row r="362" spans="1:4" x14ac:dyDescent="0.2">
      <c r="A362" s="3" t="s">
        <v>20</v>
      </c>
      <c r="B362" s="9">
        <v>2</v>
      </c>
      <c r="C362" s="1" t="s">
        <v>329</v>
      </c>
      <c r="D362" s="10" t="s">
        <v>345</v>
      </c>
    </row>
    <row r="363" spans="1:4" x14ac:dyDescent="0.2">
      <c r="A363" s="3" t="s">
        <v>20</v>
      </c>
      <c r="B363" s="9">
        <v>1</v>
      </c>
      <c r="C363" s="1" t="s">
        <v>346</v>
      </c>
      <c r="D363" s="10" t="s">
        <v>347</v>
      </c>
    </row>
    <row r="364" spans="1:4" x14ac:dyDescent="0.2">
      <c r="A364" s="3" t="s">
        <v>21</v>
      </c>
      <c r="B364" s="9">
        <v>10</v>
      </c>
      <c r="C364" s="1" t="s">
        <v>129</v>
      </c>
      <c r="D364" s="10" t="s">
        <v>743</v>
      </c>
    </row>
    <row r="365" spans="1:4" x14ac:dyDescent="0.2">
      <c r="A365" s="3" t="s">
        <v>21</v>
      </c>
      <c r="B365" s="9">
        <v>9</v>
      </c>
      <c r="C365" s="1" t="s">
        <v>346</v>
      </c>
      <c r="D365" s="10" t="s">
        <v>579</v>
      </c>
    </row>
    <row r="366" spans="1:4" x14ac:dyDescent="0.2">
      <c r="A366" s="3" t="s">
        <v>21</v>
      </c>
      <c r="B366" s="9">
        <v>8</v>
      </c>
      <c r="C366" s="1" t="s">
        <v>227</v>
      </c>
      <c r="D366" s="10" t="s">
        <v>744</v>
      </c>
    </row>
    <row r="367" spans="1:4" x14ac:dyDescent="0.2">
      <c r="A367" s="3" t="s">
        <v>21</v>
      </c>
      <c r="B367" s="9">
        <v>7</v>
      </c>
      <c r="C367" s="1" t="s">
        <v>62</v>
      </c>
      <c r="D367" s="10" t="s">
        <v>580</v>
      </c>
    </row>
    <row r="368" spans="1:4" x14ac:dyDescent="0.2">
      <c r="A368" s="3" t="s">
        <v>21</v>
      </c>
      <c r="B368" s="9">
        <v>6</v>
      </c>
      <c r="C368" s="1" t="s">
        <v>207</v>
      </c>
      <c r="D368" s="10" t="s">
        <v>745</v>
      </c>
    </row>
    <row r="369" spans="1:4" x14ac:dyDescent="0.2">
      <c r="A369" s="3" t="s">
        <v>21</v>
      </c>
      <c r="B369" s="9">
        <v>5</v>
      </c>
      <c r="C369" s="1" t="s">
        <v>77</v>
      </c>
      <c r="D369" s="10" t="s">
        <v>581</v>
      </c>
    </row>
    <row r="370" spans="1:4" x14ac:dyDescent="0.2">
      <c r="A370" s="3" t="s">
        <v>21</v>
      </c>
      <c r="B370" s="9">
        <v>4</v>
      </c>
      <c r="C370" s="1" t="s">
        <v>295</v>
      </c>
      <c r="D370" s="10" t="s">
        <v>582</v>
      </c>
    </row>
    <row r="371" spans="1:4" x14ac:dyDescent="0.2">
      <c r="A371" s="3" t="s">
        <v>21</v>
      </c>
      <c r="B371" s="9">
        <v>3</v>
      </c>
      <c r="C371" s="1" t="s">
        <v>278</v>
      </c>
      <c r="D371" s="10" t="s">
        <v>583</v>
      </c>
    </row>
    <row r="372" spans="1:4" x14ac:dyDescent="0.2">
      <c r="A372" s="3" t="s">
        <v>21</v>
      </c>
      <c r="B372" s="9">
        <v>2</v>
      </c>
      <c r="C372" s="1" t="s">
        <v>210</v>
      </c>
      <c r="D372" s="10" t="s">
        <v>584</v>
      </c>
    </row>
    <row r="373" spans="1:4" x14ac:dyDescent="0.2">
      <c r="A373" s="3" t="s">
        <v>21</v>
      </c>
      <c r="B373" s="9">
        <v>1</v>
      </c>
      <c r="C373" s="1" t="s">
        <v>178</v>
      </c>
      <c r="D373" s="10" t="s">
        <v>585</v>
      </c>
    </row>
    <row r="374" spans="1:4" x14ac:dyDescent="0.2">
      <c r="A374" s="3" t="s">
        <v>22</v>
      </c>
      <c r="B374" s="9">
        <v>10</v>
      </c>
      <c r="C374" s="1" t="s">
        <v>189</v>
      </c>
      <c r="D374" s="10" t="s">
        <v>441</v>
      </c>
    </row>
    <row r="375" spans="1:4" x14ac:dyDescent="0.2">
      <c r="A375" s="3" t="s">
        <v>22</v>
      </c>
      <c r="B375" s="9">
        <v>9</v>
      </c>
      <c r="C375" s="1" t="s">
        <v>278</v>
      </c>
      <c r="D375" s="10" t="s">
        <v>321</v>
      </c>
    </row>
    <row r="376" spans="1:4" x14ac:dyDescent="0.2">
      <c r="A376" s="3" t="s">
        <v>22</v>
      </c>
      <c r="B376" s="9">
        <v>8</v>
      </c>
      <c r="C376" s="1" t="s">
        <v>178</v>
      </c>
      <c r="D376" s="10" t="s">
        <v>442</v>
      </c>
    </row>
    <row r="377" spans="1:4" x14ac:dyDescent="0.2">
      <c r="A377" s="3" t="s">
        <v>22</v>
      </c>
      <c r="B377" s="9">
        <v>7</v>
      </c>
      <c r="C377" s="1" t="s">
        <v>189</v>
      </c>
      <c r="D377" s="10" t="s">
        <v>443</v>
      </c>
    </row>
    <row r="378" spans="1:4" x14ac:dyDescent="0.2">
      <c r="A378" s="3" t="s">
        <v>22</v>
      </c>
      <c r="B378" s="9">
        <v>6</v>
      </c>
      <c r="C378" s="1" t="s">
        <v>444</v>
      </c>
      <c r="D378" s="10" t="s">
        <v>445</v>
      </c>
    </row>
    <row r="379" spans="1:4" x14ac:dyDescent="0.2">
      <c r="A379" s="3" t="s">
        <v>22</v>
      </c>
      <c r="B379" s="9">
        <v>5</v>
      </c>
      <c r="C379" s="1" t="s">
        <v>202</v>
      </c>
      <c r="D379" s="10" t="s">
        <v>446</v>
      </c>
    </row>
    <row r="380" spans="1:4" x14ac:dyDescent="0.2">
      <c r="A380" s="3" t="s">
        <v>22</v>
      </c>
      <c r="B380" s="9">
        <v>4</v>
      </c>
      <c r="C380" s="1" t="s">
        <v>181</v>
      </c>
      <c r="D380" s="10" t="s">
        <v>447</v>
      </c>
    </row>
    <row r="381" spans="1:4" x14ac:dyDescent="0.2">
      <c r="A381" s="3" t="s">
        <v>22</v>
      </c>
      <c r="B381" s="9">
        <v>3</v>
      </c>
      <c r="C381" s="1" t="s">
        <v>62</v>
      </c>
      <c r="D381" s="10" t="s">
        <v>448</v>
      </c>
    </row>
    <row r="382" spans="1:4" x14ac:dyDescent="0.2">
      <c r="A382" s="3" t="s">
        <v>22</v>
      </c>
      <c r="B382" s="9">
        <v>2</v>
      </c>
      <c r="C382" s="1" t="s">
        <v>81</v>
      </c>
      <c r="D382" s="10" t="s">
        <v>449</v>
      </c>
    </row>
    <row r="383" spans="1:4" x14ac:dyDescent="0.2">
      <c r="A383" s="3" t="s">
        <v>22</v>
      </c>
      <c r="B383" s="9">
        <v>1</v>
      </c>
      <c r="C383" s="1" t="s">
        <v>62</v>
      </c>
      <c r="D383" s="3" t="s">
        <v>450</v>
      </c>
    </row>
    <row r="384" spans="1:4" x14ac:dyDescent="0.2">
      <c r="A384" s="3" t="s">
        <v>23</v>
      </c>
      <c r="B384" s="10">
        <v>10</v>
      </c>
      <c r="C384" s="1" t="s">
        <v>145</v>
      </c>
      <c r="D384" s="10" t="s">
        <v>451</v>
      </c>
    </row>
    <row r="385" spans="1:4" x14ac:dyDescent="0.2">
      <c r="A385" s="3" t="s">
        <v>23</v>
      </c>
      <c r="B385" s="10">
        <v>9</v>
      </c>
      <c r="C385" s="1" t="s">
        <v>444</v>
      </c>
      <c r="D385" s="10" t="s">
        <v>452</v>
      </c>
    </row>
    <row r="386" spans="1:4" x14ac:dyDescent="0.2">
      <c r="A386" s="3" t="s">
        <v>23</v>
      </c>
      <c r="B386" s="10">
        <v>8</v>
      </c>
      <c r="C386" s="1" t="s">
        <v>352</v>
      </c>
      <c r="D386" s="10" t="s">
        <v>453</v>
      </c>
    </row>
    <row r="387" spans="1:4" x14ac:dyDescent="0.2">
      <c r="A387" s="3" t="s">
        <v>23</v>
      </c>
      <c r="B387" s="10">
        <v>7</v>
      </c>
      <c r="C387" s="10" t="s">
        <v>350</v>
      </c>
      <c r="D387" s="3" t="s">
        <v>454</v>
      </c>
    </row>
    <row r="388" spans="1:4" x14ac:dyDescent="0.2">
      <c r="A388" s="3" t="s">
        <v>23</v>
      </c>
      <c r="B388" s="10">
        <v>6</v>
      </c>
      <c r="C388" s="1" t="s">
        <v>455</v>
      </c>
      <c r="D388" s="3" t="s">
        <v>456</v>
      </c>
    </row>
    <row r="389" spans="1:4" x14ac:dyDescent="0.2">
      <c r="A389" s="3" t="s">
        <v>23</v>
      </c>
      <c r="B389" s="10">
        <v>5</v>
      </c>
      <c r="C389" s="1" t="s">
        <v>60</v>
      </c>
      <c r="D389" s="10" t="s">
        <v>457</v>
      </c>
    </row>
    <row r="390" spans="1:4" x14ac:dyDescent="0.2">
      <c r="A390" s="3" t="s">
        <v>23</v>
      </c>
      <c r="B390" s="10">
        <v>4</v>
      </c>
      <c r="C390" s="1" t="s">
        <v>422</v>
      </c>
      <c r="D390" s="10" t="s">
        <v>458</v>
      </c>
    </row>
    <row r="391" spans="1:4" x14ac:dyDescent="0.2">
      <c r="A391" s="3" t="s">
        <v>23</v>
      </c>
      <c r="B391" s="10">
        <v>3</v>
      </c>
      <c r="C391" s="1" t="s">
        <v>88</v>
      </c>
      <c r="D391" s="10" t="s">
        <v>459</v>
      </c>
    </row>
    <row r="392" spans="1:4" x14ac:dyDescent="0.2">
      <c r="A392" s="3" t="s">
        <v>23</v>
      </c>
      <c r="B392" s="10">
        <v>2</v>
      </c>
      <c r="C392" s="1" t="s">
        <v>205</v>
      </c>
      <c r="D392" s="10" t="s">
        <v>738</v>
      </c>
    </row>
    <row r="393" spans="1:4" x14ac:dyDescent="0.2">
      <c r="A393" s="3" t="s">
        <v>23</v>
      </c>
      <c r="B393" s="10">
        <v>1</v>
      </c>
      <c r="C393" s="1" t="s">
        <v>88</v>
      </c>
      <c r="D393" s="10" t="s">
        <v>460</v>
      </c>
    </row>
    <row r="394" spans="1:4" x14ac:dyDescent="0.2">
      <c r="A394" s="3" t="s">
        <v>24</v>
      </c>
      <c r="B394" s="9">
        <v>10</v>
      </c>
      <c r="C394" s="1" t="s">
        <v>81</v>
      </c>
      <c r="D394" s="10" t="s">
        <v>461</v>
      </c>
    </row>
    <row r="395" spans="1:4" x14ac:dyDescent="0.2">
      <c r="A395" s="3" t="s">
        <v>24</v>
      </c>
      <c r="B395" s="9">
        <v>9</v>
      </c>
      <c r="C395" s="1" t="s">
        <v>178</v>
      </c>
      <c r="D395" s="10" t="s">
        <v>462</v>
      </c>
    </row>
    <row r="396" spans="1:4" x14ac:dyDescent="0.2">
      <c r="A396" s="3" t="s">
        <v>24</v>
      </c>
      <c r="B396" s="9">
        <v>8</v>
      </c>
      <c r="C396" s="1" t="s">
        <v>463</v>
      </c>
      <c r="D396" s="10" t="s">
        <v>464</v>
      </c>
    </row>
    <row r="397" spans="1:4" x14ac:dyDescent="0.2">
      <c r="A397" s="3" t="s">
        <v>24</v>
      </c>
      <c r="B397" s="9">
        <v>7</v>
      </c>
      <c r="C397" s="1" t="s">
        <v>90</v>
      </c>
      <c r="D397" s="10" t="s">
        <v>465</v>
      </c>
    </row>
    <row r="398" spans="1:4" x14ac:dyDescent="0.2">
      <c r="A398" s="3" t="s">
        <v>24</v>
      </c>
      <c r="B398" s="9">
        <v>6</v>
      </c>
      <c r="C398" s="1" t="s">
        <v>463</v>
      </c>
      <c r="D398" s="10" t="s">
        <v>466</v>
      </c>
    </row>
    <row r="399" spans="1:4" x14ac:dyDescent="0.2">
      <c r="A399" s="3" t="s">
        <v>24</v>
      </c>
      <c r="B399" s="9">
        <v>5</v>
      </c>
      <c r="C399" s="3" t="s">
        <v>101</v>
      </c>
      <c r="D399" s="11" t="s">
        <v>467</v>
      </c>
    </row>
    <row r="400" spans="1:4" x14ac:dyDescent="0.2">
      <c r="A400" s="3" t="s">
        <v>24</v>
      </c>
      <c r="B400" s="9">
        <v>4</v>
      </c>
      <c r="C400" s="1" t="s">
        <v>56</v>
      </c>
      <c r="D400" s="10" t="s">
        <v>468</v>
      </c>
    </row>
    <row r="401" spans="1:4" x14ac:dyDescent="0.2">
      <c r="A401" s="3" t="s">
        <v>24</v>
      </c>
      <c r="B401" s="9">
        <v>3</v>
      </c>
      <c r="C401" s="1" t="s">
        <v>77</v>
      </c>
      <c r="D401" s="10" t="s">
        <v>469</v>
      </c>
    </row>
    <row r="402" spans="1:4" x14ac:dyDescent="0.2">
      <c r="A402" s="3" t="s">
        <v>24</v>
      </c>
      <c r="B402" s="9">
        <v>2</v>
      </c>
      <c r="C402" s="1" t="s">
        <v>319</v>
      </c>
      <c r="D402" s="10" t="s">
        <v>470</v>
      </c>
    </row>
    <row r="403" spans="1:4" x14ac:dyDescent="0.2">
      <c r="A403" s="3" t="s">
        <v>24</v>
      </c>
      <c r="B403" s="9">
        <v>1</v>
      </c>
      <c r="C403" s="1" t="s">
        <v>346</v>
      </c>
      <c r="D403" s="10" t="s">
        <v>471</v>
      </c>
    </row>
    <row r="404" spans="1:4" x14ac:dyDescent="0.2">
      <c r="A404" s="3" t="s">
        <v>25</v>
      </c>
      <c r="B404" s="9">
        <v>10</v>
      </c>
      <c r="C404" s="1" t="s">
        <v>237</v>
      </c>
      <c r="D404" s="10" t="s">
        <v>416</v>
      </c>
    </row>
    <row r="405" spans="1:4" x14ac:dyDescent="0.2">
      <c r="A405" s="3" t="s">
        <v>25</v>
      </c>
      <c r="B405" s="9">
        <v>9</v>
      </c>
      <c r="C405" s="1" t="s">
        <v>88</v>
      </c>
      <c r="D405" s="10" t="s">
        <v>417</v>
      </c>
    </row>
    <row r="406" spans="1:4" x14ac:dyDescent="0.2">
      <c r="A406" s="3" t="s">
        <v>25</v>
      </c>
      <c r="B406" s="9">
        <v>8</v>
      </c>
      <c r="C406" s="1" t="s">
        <v>96</v>
      </c>
      <c r="D406" s="10" t="s">
        <v>418</v>
      </c>
    </row>
    <row r="407" spans="1:4" x14ac:dyDescent="0.2">
      <c r="A407" s="3" t="s">
        <v>25</v>
      </c>
      <c r="B407" s="9">
        <v>7</v>
      </c>
      <c r="C407" s="1" t="s">
        <v>116</v>
      </c>
      <c r="D407" s="10" t="s">
        <v>419</v>
      </c>
    </row>
    <row r="408" spans="1:4" x14ac:dyDescent="0.2">
      <c r="A408" s="3" t="s">
        <v>25</v>
      </c>
      <c r="B408" s="9">
        <v>6</v>
      </c>
      <c r="C408" s="1" t="s">
        <v>81</v>
      </c>
      <c r="D408" s="10" t="s">
        <v>420</v>
      </c>
    </row>
    <row r="409" spans="1:4" x14ac:dyDescent="0.2">
      <c r="A409" s="3" t="s">
        <v>25</v>
      </c>
      <c r="B409" s="9">
        <v>5</v>
      </c>
      <c r="C409" s="1" t="s">
        <v>307</v>
      </c>
      <c r="D409" s="10" t="s">
        <v>421</v>
      </c>
    </row>
    <row r="410" spans="1:4" x14ac:dyDescent="0.2">
      <c r="A410" s="3" t="s">
        <v>25</v>
      </c>
      <c r="B410" s="9">
        <v>4</v>
      </c>
      <c r="C410" s="1" t="s">
        <v>422</v>
      </c>
      <c r="D410" s="10" t="s">
        <v>423</v>
      </c>
    </row>
    <row r="411" spans="1:4" x14ac:dyDescent="0.2">
      <c r="A411" s="3" t="s">
        <v>25</v>
      </c>
      <c r="B411" s="9">
        <v>3</v>
      </c>
      <c r="C411" s="10" t="s">
        <v>165</v>
      </c>
      <c r="D411" s="10" t="s">
        <v>424</v>
      </c>
    </row>
    <row r="412" spans="1:4" x14ac:dyDescent="0.2">
      <c r="A412" s="3" t="s">
        <v>25</v>
      </c>
      <c r="B412" s="9">
        <v>2</v>
      </c>
      <c r="C412" s="1" t="s">
        <v>122</v>
      </c>
      <c r="D412" s="10" t="s">
        <v>425</v>
      </c>
    </row>
    <row r="413" spans="1:4" x14ac:dyDescent="0.2">
      <c r="A413" s="3" t="s">
        <v>25</v>
      </c>
      <c r="B413" s="9">
        <v>1</v>
      </c>
      <c r="C413" s="1" t="s">
        <v>426</v>
      </c>
      <c r="D413" s="10" t="s">
        <v>427</v>
      </c>
    </row>
    <row r="414" spans="1:4" x14ac:dyDescent="0.2">
      <c r="A414" s="3" t="s">
        <v>26</v>
      </c>
      <c r="B414" s="9">
        <v>10</v>
      </c>
      <c r="C414" s="1" t="s">
        <v>74</v>
      </c>
      <c r="D414" s="1" t="s">
        <v>75</v>
      </c>
    </row>
    <row r="415" spans="1:4" x14ac:dyDescent="0.2">
      <c r="A415" s="3" t="s">
        <v>26</v>
      </c>
      <c r="B415" s="9">
        <v>9</v>
      </c>
      <c r="C415" s="1" t="s">
        <v>69</v>
      </c>
      <c r="D415" s="1" t="s">
        <v>76</v>
      </c>
    </row>
    <row r="416" spans="1:4" x14ac:dyDescent="0.2">
      <c r="A416" s="3" t="s">
        <v>26</v>
      </c>
      <c r="B416" s="9">
        <v>8</v>
      </c>
      <c r="C416" s="1" t="s">
        <v>77</v>
      </c>
      <c r="D416" s="1" t="s">
        <v>78</v>
      </c>
    </row>
    <row r="417" spans="1:4" x14ac:dyDescent="0.2">
      <c r="A417" s="3" t="s">
        <v>26</v>
      </c>
      <c r="B417" s="9">
        <v>7</v>
      </c>
      <c r="C417" s="1" t="s">
        <v>79</v>
      </c>
      <c r="D417" s="1" t="s">
        <v>80</v>
      </c>
    </row>
    <row r="418" spans="1:4" x14ac:dyDescent="0.2">
      <c r="A418" s="3" t="s">
        <v>26</v>
      </c>
      <c r="B418" s="9">
        <v>6</v>
      </c>
      <c r="C418" s="1" t="s">
        <v>81</v>
      </c>
      <c r="D418" s="1" t="s">
        <v>82</v>
      </c>
    </row>
    <row r="419" spans="1:4" x14ac:dyDescent="0.2">
      <c r="A419" s="3" t="s">
        <v>26</v>
      </c>
      <c r="B419" s="9">
        <v>5</v>
      </c>
      <c r="C419" s="1" t="s">
        <v>67</v>
      </c>
      <c r="D419" s="1" t="s">
        <v>83</v>
      </c>
    </row>
    <row r="420" spans="1:4" x14ac:dyDescent="0.2">
      <c r="A420" s="3" t="s">
        <v>26</v>
      </c>
      <c r="B420" s="9">
        <v>4</v>
      </c>
      <c r="C420" s="1" t="s">
        <v>84</v>
      </c>
      <c r="D420" s="1" t="s">
        <v>85</v>
      </c>
    </row>
    <row r="421" spans="1:4" x14ac:dyDescent="0.2">
      <c r="A421" s="3" t="s">
        <v>26</v>
      </c>
      <c r="B421" s="9">
        <v>3</v>
      </c>
      <c r="C421" s="1" t="s">
        <v>86</v>
      </c>
      <c r="D421" s="1" t="s">
        <v>87</v>
      </c>
    </row>
    <row r="422" spans="1:4" x14ac:dyDescent="0.2">
      <c r="A422" s="3" t="s">
        <v>26</v>
      </c>
      <c r="B422" s="9">
        <v>2</v>
      </c>
      <c r="C422" s="1" t="s">
        <v>88</v>
      </c>
      <c r="D422" s="1" t="s">
        <v>89</v>
      </c>
    </row>
    <row r="423" spans="1:4" x14ac:dyDescent="0.2">
      <c r="A423" s="3" t="s">
        <v>26</v>
      </c>
      <c r="B423" s="9">
        <v>1</v>
      </c>
      <c r="C423" s="1" t="s">
        <v>90</v>
      </c>
      <c r="D423" s="1" t="s">
        <v>91</v>
      </c>
    </row>
    <row r="424" spans="1:4" x14ac:dyDescent="0.2">
      <c r="A424" s="3" t="s">
        <v>27</v>
      </c>
      <c r="B424" s="9">
        <v>10</v>
      </c>
      <c r="C424" s="1" t="s">
        <v>154</v>
      </c>
      <c r="D424" s="1" t="s">
        <v>716</v>
      </c>
    </row>
    <row r="425" spans="1:4" x14ac:dyDescent="0.2">
      <c r="A425" s="3" t="s">
        <v>27</v>
      </c>
      <c r="B425" s="9">
        <v>9</v>
      </c>
      <c r="C425" s="1" t="s">
        <v>62</v>
      </c>
      <c r="D425" s="1" t="s">
        <v>717</v>
      </c>
    </row>
    <row r="426" spans="1:4" x14ac:dyDescent="0.2">
      <c r="A426" s="3" t="s">
        <v>27</v>
      </c>
      <c r="B426" s="9">
        <v>8</v>
      </c>
      <c r="C426" s="1" t="s">
        <v>62</v>
      </c>
      <c r="D426" s="1" t="s">
        <v>718</v>
      </c>
    </row>
    <row r="427" spans="1:4" x14ac:dyDescent="0.2">
      <c r="A427" s="3" t="s">
        <v>27</v>
      </c>
      <c r="B427" s="9">
        <v>7</v>
      </c>
      <c r="C427" s="1" t="s">
        <v>202</v>
      </c>
      <c r="D427" s="1" t="s">
        <v>719</v>
      </c>
    </row>
    <row r="428" spans="1:4" x14ac:dyDescent="0.2">
      <c r="A428" s="3" t="s">
        <v>27</v>
      </c>
      <c r="B428" s="9">
        <v>6</v>
      </c>
      <c r="C428" s="1" t="s">
        <v>174</v>
      </c>
      <c r="D428" s="1" t="s">
        <v>720</v>
      </c>
    </row>
    <row r="429" spans="1:4" x14ac:dyDescent="0.2">
      <c r="A429" s="3" t="s">
        <v>27</v>
      </c>
      <c r="B429" s="9">
        <v>5</v>
      </c>
      <c r="C429" s="10" t="s">
        <v>251</v>
      </c>
      <c r="D429" s="12" t="s">
        <v>721</v>
      </c>
    </row>
    <row r="430" spans="1:4" x14ac:dyDescent="0.2">
      <c r="A430" s="3" t="s">
        <v>27</v>
      </c>
      <c r="B430" s="9">
        <v>4</v>
      </c>
      <c r="C430" s="1" t="s">
        <v>233</v>
      </c>
      <c r="D430" s="1" t="s">
        <v>722</v>
      </c>
    </row>
    <row r="431" spans="1:4" x14ac:dyDescent="0.2">
      <c r="A431" s="3" t="s">
        <v>27</v>
      </c>
      <c r="B431" s="9">
        <v>3</v>
      </c>
      <c r="C431" s="1" t="s">
        <v>207</v>
      </c>
      <c r="D431" s="1" t="s">
        <v>723</v>
      </c>
    </row>
    <row r="432" spans="1:4" x14ac:dyDescent="0.2">
      <c r="A432" s="3" t="s">
        <v>27</v>
      </c>
      <c r="B432" s="9">
        <v>2</v>
      </c>
      <c r="C432" s="1" t="s">
        <v>538</v>
      </c>
      <c r="D432" s="1" t="s">
        <v>724</v>
      </c>
    </row>
    <row r="433" spans="1:4" x14ac:dyDescent="0.2">
      <c r="A433" s="3" t="s">
        <v>27</v>
      </c>
      <c r="B433" s="9">
        <v>1</v>
      </c>
      <c r="C433" s="1" t="s">
        <v>430</v>
      </c>
      <c r="D433" s="1" t="s">
        <v>725</v>
      </c>
    </row>
    <row r="434" spans="1:4" x14ac:dyDescent="0.2">
      <c r="A434" s="3" t="s">
        <v>39</v>
      </c>
      <c r="B434" s="9">
        <v>10</v>
      </c>
      <c r="C434" s="1" t="s">
        <v>79</v>
      </c>
      <c r="D434" s="1" t="s">
        <v>526</v>
      </c>
    </row>
    <row r="435" spans="1:4" x14ac:dyDescent="0.2">
      <c r="A435" s="3" t="s">
        <v>39</v>
      </c>
      <c r="B435" s="9">
        <v>9</v>
      </c>
      <c r="C435" s="1" t="s">
        <v>202</v>
      </c>
      <c r="D435" s="1" t="s">
        <v>527</v>
      </c>
    </row>
    <row r="436" spans="1:4" x14ac:dyDescent="0.2">
      <c r="A436" s="3" t="s">
        <v>39</v>
      </c>
      <c r="B436" s="9">
        <v>8</v>
      </c>
      <c r="C436" s="1" t="s">
        <v>90</v>
      </c>
      <c r="D436" s="1" t="s">
        <v>528</v>
      </c>
    </row>
    <row r="437" spans="1:4" x14ac:dyDescent="0.2">
      <c r="A437" s="3" t="s">
        <v>39</v>
      </c>
      <c r="B437" s="9">
        <v>7</v>
      </c>
      <c r="C437" s="1" t="s">
        <v>96</v>
      </c>
      <c r="D437" s="1" t="s">
        <v>529</v>
      </c>
    </row>
    <row r="438" spans="1:4" x14ac:dyDescent="0.2">
      <c r="A438" s="3" t="s">
        <v>39</v>
      </c>
      <c r="B438" s="9">
        <v>6</v>
      </c>
      <c r="C438" s="1" t="s">
        <v>79</v>
      </c>
      <c r="D438" s="1" t="s">
        <v>530</v>
      </c>
    </row>
    <row r="439" spans="1:4" x14ac:dyDescent="0.2">
      <c r="A439" s="3" t="s">
        <v>39</v>
      </c>
      <c r="B439" s="9">
        <v>5</v>
      </c>
      <c r="C439" s="1" t="s">
        <v>90</v>
      </c>
      <c r="D439" s="1" t="s">
        <v>531</v>
      </c>
    </row>
    <row r="440" spans="1:4" x14ac:dyDescent="0.2">
      <c r="A440" s="3" t="s">
        <v>39</v>
      </c>
      <c r="B440" s="9">
        <v>4</v>
      </c>
      <c r="C440" s="3" t="s">
        <v>101</v>
      </c>
      <c r="D440" s="11" t="s">
        <v>532</v>
      </c>
    </row>
    <row r="441" spans="1:4" x14ac:dyDescent="0.2">
      <c r="A441" s="3" t="s">
        <v>39</v>
      </c>
      <c r="B441" s="9">
        <v>3</v>
      </c>
      <c r="C441" s="2" t="s">
        <v>127</v>
      </c>
      <c r="D441" s="2" t="s">
        <v>533</v>
      </c>
    </row>
    <row r="442" spans="1:4" x14ac:dyDescent="0.2">
      <c r="A442" s="3" t="s">
        <v>39</v>
      </c>
      <c r="B442" s="9">
        <v>2</v>
      </c>
      <c r="C442" s="1" t="s">
        <v>96</v>
      </c>
      <c r="D442" s="1" t="s">
        <v>534</v>
      </c>
    </row>
    <row r="443" spans="1:4" x14ac:dyDescent="0.2">
      <c r="A443" s="3" t="s">
        <v>39</v>
      </c>
      <c r="B443" s="9">
        <v>1</v>
      </c>
      <c r="C443" s="1" t="s">
        <v>94</v>
      </c>
      <c r="D443" s="1" t="s">
        <v>535</v>
      </c>
    </row>
    <row r="444" spans="1:4" x14ac:dyDescent="0.2">
      <c r="A444" s="3" t="s">
        <v>740</v>
      </c>
      <c r="B444" s="9">
        <v>10</v>
      </c>
      <c r="C444" s="3" t="s">
        <v>101</v>
      </c>
      <c r="D444" s="11" t="s">
        <v>628</v>
      </c>
    </row>
    <row r="445" spans="1:4" x14ac:dyDescent="0.2">
      <c r="A445" s="3" t="s">
        <v>740</v>
      </c>
      <c r="B445" s="9">
        <v>9</v>
      </c>
      <c r="C445" s="1" t="s">
        <v>178</v>
      </c>
      <c r="D445" s="1" t="s">
        <v>629</v>
      </c>
    </row>
    <row r="446" spans="1:4" x14ac:dyDescent="0.2">
      <c r="A446" s="3" t="s">
        <v>740</v>
      </c>
      <c r="B446" s="9">
        <v>8</v>
      </c>
      <c r="C446" s="1" t="s">
        <v>290</v>
      </c>
      <c r="D446" s="1" t="s">
        <v>630</v>
      </c>
    </row>
    <row r="447" spans="1:4" x14ac:dyDescent="0.2">
      <c r="A447" s="3" t="s">
        <v>740</v>
      </c>
      <c r="B447" s="9">
        <v>7</v>
      </c>
      <c r="C447" s="1" t="s">
        <v>233</v>
      </c>
      <c r="D447" s="1" t="s">
        <v>631</v>
      </c>
    </row>
    <row r="448" spans="1:4" x14ac:dyDescent="0.2">
      <c r="A448" s="3" t="s">
        <v>740</v>
      </c>
      <c r="B448" s="9">
        <v>6</v>
      </c>
      <c r="C448" s="1" t="s">
        <v>278</v>
      </c>
      <c r="D448" s="1" t="s">
        <v>632</v>
      </c>
    </row>
    <row r="449" spans="1:4" x14ac:dyDescent="0.2">
      <c r="A449" s="3" t="s">
        <v>740</v>
      </c>
      <c r="B449" s="9">
        <v>5</v>
      </c>
      <c r="C449" s="1" t="s">
        <v>94</v>
      </c>
      <c r="D449" s="1" t="s">
        <v>633</v>
      </c>
    </row>
    <row r="450" spans="1:4" x14ac:dyDescent="0.2">
      <c r="A450" s="3" t="s">
        <v>740</v>
      </c>
      <c r="B450" s="9">
        <v>4</v>
      </c>
      <c r="C450" s="1" t="s">
        <v>120</v>
      </c>
      <c r="D450" s="1" t="s">
        <v>634</v>
      </c>
    </row>
    <row r="451" spans="1:4" x14ac:dyDescent="0.2">
      <c r="A451" s="3" t="s">
        <v>740</v>
      </c>
      <c r="B451" s="9">
        <v>3</v>
      </c>
      <c r="C451" s="1" t="s">
        <v>116</v>
      </c>
      <c r="D451" s="1" t="s">
        <v>635</v>
      </c>
    </row>
    <row r="452" spans="1:4" x14ac:dyDescent="0.2">
      <c r="A452" s="3" t="s">
        <v>740</v>
      </c>
      <c r="B452" s="9">
        <v>2</v>
      </c>
      <c r="C452" s="1" t="s">
        <v>189</v>
      </c>
      <c r="D452" s="1" t="s">
        <v>636</v>
      </c>
    </row>
    <row r="453" spans="1:4" x14ac:dyDescent="0.2">
      <c r="A453" s="3" t="s">
        <v>740</v>
      </c>
      <c r="B453" s="9">
        <v>1</v>
      </c>
      <c r="C453" s="1" t="s">
        <v>108</v>
      </c>
      <c r="D453" s="1" t="s">
        <v>637</v>
      </c>
    </row>
    <row r="454" spans="1:4" x14ac:dyDescent="0.2">
      <c r="A454" s="3" t="s">
        <v>741</v>
      </c>
      <c r="B454" s="9">
        <v>10</v>
      </c>
      <c r="C454" s="1" t="s">
        <v>538</v>
      </c>
      <c r="D454" s="1" t="s">
        <v>638</v>
      </c>
    </row>
    <row r="455" spans="1:4" x14ac:dyDescent="0.2">
      <c r="A455" s="3" t="s">
        <v>741</v>
      </c>
      <c r="B455" s="9">
        <v>9</v>
      </c>
      <c r="C455" s="1" t="s">
        <v>227</v>
      </c>
      <c r="D455" s="1" t="s">
        <v>639</v>
      </c>
    </row>
    <row r="456" spans="1:4" x14ac:dyDescent="0.2">
      <c r="A456" s="3" t="s">
        <v>741</v>
      </c>
      <c r="B456" s="9">
        <v>8</v>
      </c>
      <c r="C456" s="1" t="s">
        <v>640</v>
      </c>
      <c r="D456" s="1" t="s">
        <v>641</v>
      </c>
    </row>
    <row r="457" spans="1:4" x14ac:dyDescent="0.2">
      <c r="A457" s="3" t="s">
        <v>741</v>
      </c>
      <c r="B457" s="9">
        <v>7</v>
      </c>
      <c r="C457" s="1" t="s">
        <v>642</v>
      </c>
      <c r="D457" s="1" t="s">
        <v>643</v>
      </c>
    </row>
    <row r="458" spans="1:4" x14ac:dyDescent="0.2">
      <c r="A458" s="3" t="s">
        <v>741</v>
      </c>
      <c r="B458" s="9">
        <v>6</v>
      </c>
      <c r="C458" s="1" t="s">
        <v>122</v>
      </c>
      <c r="D458" s="1" t="s">
        <v>644</v>
      </c>
    </row>
    <row r="459" spans="1:4" x14ac:dyDescent="0.2">
      <c r="A459" s="3" t="s">
        <v>741</v>
      </c>
      <c r="B459" s="9">
        <v>5</v>
      </c>
      <c r="C459" s="1" t="s">
        <v>62</v>
      </c>
      <c r="D459" s="1" t="s">
        <v>645</v>
      </c>
    </row>
    <row r="460" spans="1:4" x14ac:dyDescent="0.2">
      <c r="A460" s="3" t="s">
        <v>741</v>
      </c>
      <c r="B460" s="9">
        <v>4</v>
      </c>
      <c r="C460" s="3" t="s">
        <v>101</v>
      </c>
      <c r="D460" s="11" t="s">
        <v>646</v>
      </c>
    </row>
    <row r="461" spans="1:4" x14ac:dyDescent="0.2">
      <c r="A461" s="3" t="s">
        <v>741</v>
      </c>
      <c r="B461" s="9">
        <v>3</v>
      </c>
      <c r="C461" s="1" t="s">
        <v>430</v>
      </c>
      <c r="D461" s="1" t="s">
        <v>647</v>
      </c>
    </row>
    <row r="462" spans="1:4" x14ac:dyDescent="0.2">
      <c r="A462" s="3" t="s">
        <v>741</v>
      </c>
      <c r="B462" s="9">
        <v>2</v>
      </c>
      <c r="C462" s="1" t="s">
        <v>648</v>
      </c>
      <c r="D462" s="1" t="s">
        <v>649</v>
      </c>
    </row>
    <row r="463" spans="1:4" x14ac:dyDescent="0.2">
      <c r="A463" s="3" t="s">
        <v>741</v>
      </c>
      <c r="B463" s="9">
        <v>1</v>
      </c>
      <c r="C463" s="1" t="s">
        <v>84</v>
      </c>
      <c r="D463" s="1" t="s">
        <v>650</v>
      </c>
    </row>
    <row r="464" spans="1:4" x14ac:dyDescent="0.2">
      <c r="A464" s="3" t="s">
        <v>28</v>
      </c>
      <c r="B464" s="9">
        <v>10</v>
      </c>
      <c r="C464" s="8"/>
      <c r="D464" s="1"/>
    </row>
    <row r="465" spans="1:4" x14ac:dyDescent="0.2">
      <c r="A465" s="3" t="s">
        <v>28</v>
      </c>
      <c r="B465" s="9">
        <v>9</v>
      </c>
      <c r="C465" s="8"/>
      <c r="D465" s="1"/>
    </row>
    <row r="466" spans="1:4" x14ac:dyDescent="0.2">
      <c r="A466" s="3" t="s">
        <v>28</v>
      </c>
      <c r="B466" s="9">
        <v>8</v>
      </c>
      <c r="C466" s="1" t="s">
        <v>202</v>
      </c>
      <c r="D466" s="10" t="s">
        <v>561</v>
      </c>
    </row>
    <row r="467" spans="1:4" x14ac:dyDescent="0.2">
      <c r="A467" s="3" t="s">
        <v>28</v>
      </c>
      <c r="B467" s="9">
        <v>7</v>
      </c>
      <c r="C467" s="1" t="s">
        <v>348</v>
      </c>
      <c r="D467" s="10" t="s">
        <v>562</v>
      </c>
    </row>
    <row r="468" spans="1:4" x14ac:dyDescent="0.2">
      <c r="A468" s="3" t="s">
        <v>28</v>
      </c>
      <c r="B468" s="9">
        <v>6</v>
      </c>
      <c r="C468" s="1" t="s">
        <v>90</v>
      </c>
      <c r="D468" s="10" t="s">
        <v>563</v>
      </c>
    </row>
    <row r="469" spans="1:4" x14ac:dyDescent="0.2">
      <c r="A469" s="3" t="s">
        <v>28</v>
      </c>
      <c r="B469" s="9">
        <v>5</v>
      </c>
      <c r="C469" s="1" t="s">
        <v>202</v>
      </c>
      <c r="D469" s="10" t="s">
        <v>564</v>
      </c>
    </row>
    <row r="470" spans="1:4" x14ac:dyDescent="0.2">
      <c r="A470" s="3" t="s">
        <v>28</v>
      </c>
      <c r="B470" s="9">
        <v>4</v>
      </c>
      <c r="C470" s="1" t="s">
        <v>96</v>
      </c>
      <c r="D470" s="3" t="s">
        <v>565</v>
      </c>
    </row>
    <row r="471" spans="1:4" x14ac:dyDescent="0.2">
      <c r="A471" s="3" t="s">
        <v>28</v>
      </c>
      <c r="B471" s="9">
        <v>3</v>
      </c>
      <c r="C471" s="1" t="s">
        <v>202</v>
      </c>
      <c r="D471" s="10" t="s">
        <v>566</v>
      </c>
    </row>
    <row r="472" spans="1:4" x14ac:dyDescent="0.2">
      <c r="A472" s="3" t="s">
        <v>28</v>
      </c>
      <c r="B472" s="9">
        <v>2</v>
      </c>
      <c r="C472" s="1" t="s">
        <v>58</v>
      </c>
      <c r="D472" s="10" t="s">
        <v>567</v>
      </c>
    </row>
    <row r="473" spans="1:4" x14ac:dyDescent="0.2">
      <c r="A473" s="3" t="s">
        <v>28</v>
      </c>
      <c r="B473" s="9">
        <v>1</v>
      </c>
      <c r="C473" s="1" t="s">
        <v>129</v>
      </c>
      <c r="D473" s="10" t="s">
        <v>568</v>
      </c>
    </row>
    <row r="474" spans="1:4" x14ac:dyDescent="0.2">
      <c r="A474" s="3" t="s">
        <v>33</v>
      </c>
      <c r="B474" s="9">
        <v>10</v>
      </c>
      <c r="C474" s="1" t="s">
        <v>444</v>
      </c>
      <c r="D474" s="1" t="s">
        <v>651</v>
      </c>
    </row>
    <row r="475" spans="1:4" x14ac:dyDescent="0.2">
      <c r="A475" s="3" t="s">
        <v>33</v>
      </c>
      <c r="B475" s="9">
        <v>9</v>
      </c>
      <c r="C475" s="1" t="s">
        <v>202</v>
      </c>
      <c r="D475" s="1" t="s">
        <v>652</v>
      </c>
    </row>
    <row r="476" spans="1:4" x14ac:dyDescent="0.2">
      <c r="A476" s="3" t="s">
        <v>33</v>
      </c>
      <c r="B476" s="9">
        <v>8</v>
      </c>
      <c r="C476" s="1" t="s">
        <v>207</v>
      </c>
      <c r="D476" s="1" t="s">
        <v>653</v>
      </c>
    </row>
    <row r="477" spans="1:4" x14ac:dyDescent="0.2">
      <c r="A477" s="3" t="s">
        <v>33</v>
      </c>
      <c r="B477" s="9">
        <v>7</v>
      </c>
      <c r="C477" s="1" t="s">
        <v>654</v>
      </c>
      <c r="D477" s="1" t="s">
        <v>655</v>
      </c>
    </row>
    <row r="478" spans="1:4" x14ac:dyDescent="0.2">
      <c r="A478" s="3" t="s">
        <v>33</v>
      </c>
      <c r="B478" s="9">
        <v>6</v>
      </c>
      <c r="C478" s="1" t="s">
        <v>214</v>
      </c>
      <c r="D478" s="1" t="s">
        <v>656</v>
      </c>
    </row>
    <row r="479" spans="1:4" x14ac:dyDescent="0.2">
      <c r="A479" s="3" t="s">
        <v>33</v>
      </c>
      <c r="B479" s="9">
        <v>5</v>
      </c>
      <c r="C479" s="1" t="s">
        <v>120</v>
      </c>
      <c r="D479" s="1" t="s">
        <v>657</v>
      </c>
    </row>
    <row r="480" spans="1:4" x14ac:dyDescent="0.2">
      <c r="A480" s="3" t="s">
        <v>33</v>
      </c>
      <c r="B480" s="9">
        <v>4</v>
      </c>
      <c r="C480" s="1" t="s">
        <v>640</v>
      </c>
      <c r="D480" s="1" t="s">
        <v>658</v>
      </c>
    </row>
    <row r="481" spans="1:4" x14ac:dyDescent="0.2">
      <c r="A481" s="3" t="s">
        <v>33</v>
      </c>
      <c r="B481" s="9">
        <v>3</v>
      </c>
      <c r="C481" s="1" t="s">
        <v>237</v>
      </c>
      <c r="D481" s="1" t="s">
        <v>659</v>
      </c>
    </row>
    <row r="482" spans="1:4" ht="28.5" x14ac:dyDescent="0.2">
      <c r="A482" s="3" t="s">
        <v>33</v>
      </c>
      <c r="B482" s="9">
        <v>2</v>
      </c>
      <c r="C482" s="1" t="s">
        <v>237</v>
      </c>
      <c r="D482" s="1" t="s">
        <v>660</v>
      </c>
    </row>
    <row r="483" spans="1:4" x14ac:dyDescent="0.2">
      <c r="A483" s="3" t="s">
        <v>33</v>
      </c>
      <c r="B483" s="9">
        <v>1</v>
      </c>
      <c r="C483" s="1" t="s">
        <v>88</v>
      </c>
      <c r="D483" s="1" t="s">
        <v>661</v>
      </c>
    </row>
    <row r="484" spans="1:4" x14ac:dyDescent="0.2">
      <c r="A484" s="3" t="s">
        <v>29</v>
      </c>
      <c r="B484" s="9">
        <v>10</v>
      </c>
      <c r="C484" s="1" t="s">
        <v>352</v>
      </c>
      <c r="D484" s="1" t="s">
        <v>726</v>
      </c>
    </row>
    <row r="485" spans="1:4" x14ac:dyDescent="0.2">
      <c r="A485" s="3" t="s">
        <v>29</v>
      </c>
      <c r="B485" s="9">
        <v>9</v>
      </c>
      <c r="C485" s="1" t="s">
        <v>154</v>
      </c>
      <c r="D485" s="1" t="s">
        <v>727</v>
      </c>
    </row>
    <row r="486" spans="1:4" x14ac:dyDescent="0.2">
      <c r="A486" s="3" t="s">
        <v>29</v>
      </c>
      <c r="B486" s="9">
        <v>8</v>
      </c>
      <c r="C486" s="1" t="s">
        <v>198</v>
      </c>
      <c r="D486" s="1" t="s">
        <v>728</v>
      </c>
    </row>
    <row r="487" spans="1:4" x14ac:dyDescent="0.2">
      <c r="A487" s="3" t="s">
        <v>29</v>
      </c>
      <c r="B487" s="9">
        <v>7</v>
      </c>
      <c r="C487" s="10" t="s">
        <v>681</v>
      </c>
      <c r="D487" s="10" t="s">
        <v>729</v>
      </c>
    </row>
    <row r="488" spans="1:4" x14ac:dyDescent="0.2">
      <c r="A488" s="3" t="s">
        <v>29</v>
      </c>
      <c r="B488" s="9">
        <v>6</v>
      </c>
      <c r="C488" s="1" t="s">
        <v>181</v>
      </c>
      <c r="D488" s="1" t="s">
        <v>730</v>
      </c>
    </row>
    <row r="489" spans="1:4" x14ac:dyDescent="0.2">
      <c r="A489" s="3" t="s">
        <v>29</v>
      </c>
      <c r="B489" s="9">
        <v>5</v>
      </c>
      <c r="C489" s="1" t="s">
        <v>90</v>
      </c>
      <c r="D489" s="1" t="s">
        <v>731</v>
      </c>
    </row>
    <row r="490" spans="1:4" x14ac:dyDescent="0.2">
      <c r="A490" s="3" t="s">
        <v>29</v>
      </c>
      <c r="B490" s="9">
        <v>4</v>
      </c>
      <c r="C490" s="1" t="s">
        <v>67</v>
      </c>
      <c r="D490" s="1" t="s">
        <v>732</v>
      </c>
    </row>
    <row r="491" spans="1:4" x14ac:dyDescent="0.2">
      <c r="A491" s="3" t="s">
        <v>29</v>
      </c>
      <c r="B491" s="9">
        <v>3</v>
      </c>
      <c r="C491" s="1" t="s">
        <v>81</v>
      </c>
      <c r="D491" s="1" t="s">
        <v>733</v>
      </c>
    </row>
    <row r="492" spans="1:4" x14ac:dyDescent="0.2">
      <c r="A492" s="3" t="s">
        <v>29</v>
      </c>
      <c r="B492" s="9">
        <v>2</v>
      </c>
      <c r="C492" s="1" t="s">
        <v>88</v>
      </c>
      <c r="D492" s="1" t="s">
        <v>734</v>
      </c>
    </row>
    <row r="493" spans="1:4" x14ac:dyDescent="0.2">
      <c r="A493" s="3" t="s">
        <v>29</v>
      </c>
      <c r="B493" s="9">
        <v>1</v>
      </c>
      <c r="C493" s="1" t="s">
        <v>160</v>
      </c>
      <c r="D493" s="1" t="s">
        <v>735</v>
      </c>
    </row>
    <row r="494" spans="1:4" x14ac:dyDescent="0.2">
      <c r="A494" s="3" t="s">
        <v>40</v>
      </c>
      <c r="B494" s="9">
        <v>10</v>
      </c>
      <c r="C494" s="1" t="s">
        <v>120</v>
      </c>
      <c r="D494" s="10" t="s">
        <v>493</v>
      </c>
    </row>
    <row r="495" spans="1:4" x14ac:dyDescent="0.2">
      <c r="A495" s="3" t="s">
        <v>40</v>
      </c>
      <c r="B495" s="9">
        <v>9</v>
      </c>
      <c r="C495" s="1" t="s">
        <v>295</v>
      </c>
      <c r="D495" s="10" t="s">
        <v>494</v>
      </c>
    </row>
    <row r="496" spans="1:4" x14ac:dyDescent="0.2">
      <c r="A496" s="3" t="s">
        <v>40</v>
      </c>
      <c r="B496" s="9">
        <v>8</v>
      </c>
      <c r="C496" s="3" t="s">
        <v>101</v>
      </c>
      <c r="D496" s="11" t="s">
        <v>495</v>
      </c>
    </row>
    <row r="497" spans="1:4" x14ac:dyDescent="0.2">
      <c r="A497" s="3" t="s">
        <v>40</v>
      </c>
      <c r="B497" s="9">
        <v>7</v>
      </c>
      <c r="C497" s="1" t="s">
        <v>239</v>
      </c>
      <c r="D497" s="10" t="s">
        <v>496</v>
      </c>
    </row>
    <row r="498" spans="1:4" x14ac:dyDescent="0.2">
      <c r="A498" s="3" t="s">
        <v>40</v>
      </c>
      <c r="B498" s="9">
        <v>6</v>
      </c>
      <c r="C498" s="1" t="s">
        <v>428</v>
      </c>
      <c r="D498" s="10" t="s">
        <v>497</v>
      </c>
    </row>
    <row r="499" spans="1:4" x14ac:dyDescent="0.2">
      <c r="A499" s="3" t="s">
        <v>40</v>
      </c>
      <c r="B499" s="9">
        <v>5</v>
      </c>
      <c r="C499" s="1" t="s">
        <v>171</v>
      </c>
      <c r="D499" s="10" t="s">
        <v>498</v>
      </c>
    </row>
    <row r="500" spans="1:4" x14ac:dyDescent="0.2">
      <c r="A500" s="3" t="s">
        <v>40</v>
      </c>
      <c r="B500" s="9">
        <v>4</v>
      </c>
      <c r="C500" s="1" t="s">
        <v>77</v>
      </c>
      <c r="D500" s="10" t="s">
        <v>499</v>
      </c>
    </row>
    <row r="501" spans="1:4" x14ac:dyDescent="0.2">
      <c r="A501" s="3" t="s">
        <v>40</v>
      </c>
      <c r="B501" s="9">
        <v>3</v>
      </c>
      <c r="C501" s="1" t="s">
        <v>210</v>
      </c>
      <c r="D501" s="10" t="s">
        <v>500</v>
      </c>
    </row>
    <row r="502" spans="1:4" x14ac:dyDescent="0.2">
      <c r="A502" s="3" t="s">
        <v>40</v>
      </c>
      <c r="B502" s="9">
        <v>2</v>
      </c>
      <c r="C502" s="1" t="s">
        <v>178</v>
      </c>
      <c r="D502" s="10" t="s">
        <v>501</v>
      </c>
    </row>
    <row r="503" spans="1:4" x14ac:dyDescent="0.2">
      <c r="A503" s="3" t="s">
        <v>40</v>
      </c>
      <c r="B503" s="9">
        <v>1</v>
      </c>
      <c r="C503" s="1" t="s">
        <v>94</v>
      </c>
      <c r="D503" s="10" t="s">
        <v>502</v>
      </c>
    </row>
    <row r="504" spans="1:4" x14ac:dyDescent="0.2">
      <c r="A504" s="3" t="s">
        <v>30</v>
      </c>
      <c r="B504" s="9">
        <v>10</v>
      </c>
      <c r="C504" s="8"/>
      <c r="D504" s="1"/>
    </row>
    <row r="505" spans="1:4" x14ac:dyDescent="0.2">
      <c r="A505" s="3" t="s">
        <v>30</v>
      </c>
      <c r="B505" s="9">
        <v>9</v>
      </c>
      <c r="C505" s="1" t="s">
        <v>348</v>
      </c>
      <c r="D505" s="10" t="s">
        <v>349</v>
      </c>
    </row>
    <row r="506" spans="1:4" x14ac:dyDescent="0.2">
      <c r="A506" s="3" t="s">
        <v>30</v>
      </c>
      <c r="B506" s="9">
        <v>8</v>
      </c>
      <c r="C506" s="10" t="s">
        <v>350</v>
      </c>
      <c r="D506" s="3" t="s">
        <v>351</v>
      </c>
    </row>
    <row r="507" spans="1:4" x14ac:dyDescent="0.2">
      <c r="A507" s="3" t="s">
        <v>30</v>
      </c>
      <c r="B507" s="9">
        <v>7</v>
      </c>
      <c r="C507" s="1" t="s">
        <v>352</v>
      </c>
      <c r="D507" s="10" t="s">
        <v>353</v>
      </c>
    </row>
    <row r="508" spans="1:4" x14ac:dyDescent="0.2">
      <c r="A508" s="3" t="s">
        <v>30</v>
      </c>
      <c r="B508" s="9">
        <v>6</v>
      </c>
      <c r="C508" s="1" t="s">
        <v>348</v>
      </c>
      <c r="D508" s="10" t="s">
        <v>354</v>
      </c>
    </row>
    <row r="509" spans="1:4" x14ac:dyDescent="0.2">
      <c r="A509" s="3" t="s">
        <v>30</v>
      </c>
      <c r="B509" s="9">
        <v>5</v>
      </c>
      <c r="C509" s="10" t="s">
        <v>350</v>
      </c>
      <c r="D509" s="3" t="s">
        <v>355</v>
      </c>
    </row>
    <row r="510" spans="1:4" x14ac:dyDescent="0.2">
      <c r="A510" s="3" t="s">
        <v>30</v>
      </c>
      <c r="B510" s="9">
        <v>4</v>
      </c>
      <c r="C510" s="1" t="s">
        <v>356</v>
      </c>
      <c r="D510" s="10" t="s">
        <v>357</v>
      </c>
    </row>
    <row r="511" spans="1:4" x14ac:dyDescent="0.2">
      <c r="A511" s="3" t="s">
        <v>30</v>
      </c>
      <c r="B511" s="9">
        <v>3</v>
      </c>
      <c r="C511" s="10" t="s">
        <v>165</v>
      </c>
      <c r="D511" s="10" t="s">
        <v>358</v>
      </c>
    </row>
    <row r="512" spans="1:4" x14ac:dyDescent="0.2">
      <c r="A512" s="3" t="s">
        <v>30</v>
      </c>
      <c r="B512" s="9">
        <v>2</v>
      </c>
      <c r="C512" s="3" t="s">
        <v>101</v>
      </c>
      <c r="D512" s="11" t="s">
        <v>359</v>
      </c>
    </row>
    <row r="513" spans="1:4" x14ac:dyDescent="0.2">
      <c r="A513" s="3" t="s">
        <v>30</v>
      </c>
      <c r="B513" s="9">
        <v>1</v>
      </c>
      <c r="C513" s="1" t="s">
        <v>360</v>
      </c>
      <c r="D513" s="10" t="s">
        <v>361</v>
      </c>
    </row>
    <row r="514" spans="1:4" x14ac:dyDescent="0.2">
      <c r="A514" s="3" t="s">
        <v>31</v>
      </c>
      <c r="B514" s="9">
        <v>10</v>
      </c>
      <c r="C514" s="1" t="s">
        <v>596</v>
      </c>
      <c r="D514" s="3" t="s">
        <v>597</v>
      </c>
    </row>
    <row r="515" spans="1:4" x14ac:dyDescent="0.2">
      <c r="A515" s="3" t="s">
        <v>31</v>
      </c>
      <c r="B515" s="9">
        <v>9</v>
      </c>
      <c r="C515" s="1" t="s">
        <v>428</v>
      </c>
      <c r="D515" s="10" t="s">
        <v>598</v>
      </c>
    </row>
    <row r="516" spans="1:4" x14ac:dyDescent="0.2">
      <c r="A516" s="3" t="s">
        <v>31</v>
      </c>
      <c r="B516" s="9">
        <v>8</v>
      </c>
      <c r="C516" s="1" t="s">
        <v>239</v>
      </c>
      <c r="D516" s="3" t="s">
        <v>599</v>
      </c>
    </row>
    <row r="517" spans="1:4" x14ac:dyDescent="0.2">
      <c r="A517" s="3" t="s">
        <v>31</v>
      </c>
      <c r="B517" s="9">
        <v>7</v>
      </c>
      <c r="C517" s="1" t="s">
        <v>81</v>
      </c>
      <c r="D517" s="3" t="s">
        <v>600</v>
      </c>
    </row>
    <row r="518" spans="1:4" x14ac:dyDescent="0.2">
      <c r="A518" s="3" t="s">
        <v>31</v>
      </c>
      <c r="B518" s="9">
        <v>6</v>
      </c>
      <c r="C518" s="1" t="s">
        <v>410</v>
      </c>
      <c r="D518" s="10" t="s">
        <v>601</v>
      </c>
    </row>
    <row r="519" spans="1:4" x14ac:dyDescent="0.2">
      <c r="A519" s="3" t="s">
        <v>31</v>
      </c>
      <c r="B519" s="9">
        <v>5</v>
      </c>
      <c r="C519" s="1" t="s">
        <v>120</v>
      </c>
      <c r="D519" s="10" t="s">
        <v>602</v>
      </c>
    </row>
    <row r="520" spans="1:4" x14ac:dyDescent="0.2">
      <c r="A520" s="3" t="s">
        <v>31</v>
      </c>
      <c r="B520" s="9">
        <v>4</v>
      </c>
      <c r="C520" s="1" t="s">
        <v>114</v>
      </c>
      <c r="D520" s="3" t="s">
        <v>603</v>
      </c>
    </row>
    <row r="521" spans="1:4" x14ac:dyDescent="0.2">
      <c r="A521" s="3" t="s">
        <v>31</v>
      </c>
      <c r="B521" s="9">
        <v>3</v>
      </c>
      <c r="C521" s="1" t="s">
        <v>604</v>
      </c>
      <c r="D521" s="3" t="s">
        <v>605</v>
      </c>
    </row>
    <row r="522" spans="1:4" x14ac:dyDescent="0.2">
      <c r="A522" s="3" t="s">
        <v>31</v>
      </c>
      <c r="B522" s="9">
        <v>2</v>
      </c>
      <c r="C522" s="1" t="s">
        <v>210</v>
      </c>
      <c r="D522" s="3" t="s">
        <v>606</v>
      </c>
    </row>
    <row r="523" spans="1:4" x14ac:dyDescent="0.2">
      <c r="A523" s="3" t="s">
        <v>31</v>
      </c>
      <c r="B523" s="9">
        <v>1</v>
      </c>
      <c r="C523" s="1" t="s">
        <v>352</v>
      </c>
      <c r="D523" s="3" t="s">
        <v>607</v>
      </c>
    </row>
    <row r="524" spans="1:4" x14ac:dyDescent="0.2">
      <c r="A524" s="3" t="s">
        <v>44</v>
      </c>
      <c r="B524" s="9">
        <v>10</v>
      </c>
      <c r="C524" s="1" t="s">
        <v>174</v>
      </c>
      <c r="D524" s="3" t="s">
        <v>472</v>
      </c>
    </row>
    <row r="525" spans="1:4" x14ac:dyDescent="0.2">
      <c r="A525" s="3" t="s">
        <v>44</v>
      </c>
      <c r="B525" s="9">
        <v>9</v>
      </c>
      <c r="C525" s="1" t="s">
        <v>202</v>
      </c>
      <c r="D525" s="10" t="s">
        <v>473</v>
      </c>
    </row>
    <row r="526" spans="1:4" x14ac:dyDescent="0.2">
      <c r="A526" s="3" t="s">
        <v>44</v>
      </c>
      <c r="B526" s="9">
        <v>8</v>
      </c>
      <c r="C526" s="1" t="s">
        <v>202</v>
      </c>
      <c r="D526" s="10" t="s">
        <v>474</v>
      </c>
    </row>
    <row r="527" spans="1:4" x14ac:dyDescent="0.2">
      <c r="A527" s="3" t="s">
        <v>44</v>
      </c>
      <c r="B527" s="9">
        <v>7</v>
      </c>
      <c r="C527" s="10" t="s">
        <v>165</v>
      </c>
      <c r="D527" s="10" t="s">
        <v>475</v>
      </c>
    </row>
    <row r="528" spans="1:4" x14ac:dyDescent="0.2">
      <c r="A528" s="3" t="s">
        <v>44</v>
      </c>
      <c r="B528" s="9">
        <v>6</v>
      </c>
      <c r="C528" s="1" t="s">
        <v>319</v>
      </c>
      <c r="D528" s="10" t="s">
        <v>476</v>
      </c>
    </row>
    <row r="529" spans="1:4" x14ac:dyDescent="0.2">
      <c r="A529" s="3" t="s">
        <v>44</v>
      </c>
      <c r="B529" s="9">
        <v>5</v>
      </c>
      <c r="C529" s="1" t="s">
        <v>207</v>
      </c>
      <c r="D529" s="10" t="s">
        <v>477</v>
      </c>
    </row>
    <row r="530" spans="1:4" x14ac:dyDescent="0.2">
      <c r="A530" s="3" t="s">
        <v>44</v>
      </c>
      <c r="B530" s="9">
        <v>4</v>
      </c>
      <c r="C530" s="3" t="s">
        <v>101</v>
      </c>
      <c r="D530" s="11" t="s">
        <v>478</v>
      </c>
    </row>
    <row r="531" spans="1:4" x14ac:dyDescent="0.2">
      <c r="A531" s="3" t="s">
        <v>44</v>
      </c>
      <c r="B531" s="9">
        <v>3</v>
      </c>
      <c r="C531" s="1" t="s">
        <v>178</v>
      </c>
      <c r="D531" s="10" t="s">
        <v>479</v>
      </c>
    </row>
    <row r="532" spans="1:4" x14ac:dyDescent="0.2">
      <c r="A532" s="3" t="s">
        <v>44</v>
      </c>
      <c r="B532" s="9">
        <v>2</v>
      </c>
      <c r="C532" s="1" t="s">
        <v>430</v>
      </c>
      <c r="D532" s="10" t="s">
        <v>480</v>
      </c>
    </row>
    <row r="533" spans="1:4" x14ac:dyDescent="0.2">
      <c r="A533" s="3" t="s">
        <v>44</v>
      </c>
      <c r="B533" s="9">
        <v>1</v>
      </c>
      <c r="C533" s="1" t="s">
        <v>300</v>
      </c>
      <c r="D533" s="10" t="s">
        <v>481</v>
      </c>
    </row>
    <row r="534" spans="1:4" x14ac:dyDescent="0.2">
      <c r="A534" s="3" t="s">
        <v>45</v>
      </c>
      <c r="B534" s="9">
        <v>10</v>
      </c>
      <c r="C534" s="1" t="s">
        <v>116</v>
      </c>
      <c r="D534" s="10" t="s">
        <v>117</v>
      </c>
    </row>
    <row r="535" spans="1:4" x14ac:dyDescent="0.2">
      <c r="A535" s="3" t="s">
        <v>45</v>
      </c>
      <c r="B535" s="9">
        <v>9</v>
      </c>
      <c r="C535" s="1" t="s">
        <v>118</v>
      </c>
      <c r="D535" s="10" t="s">
        <v>119</v>
      </c>
    </row>
    <row r="536" spans="1:4" x14ac:dyDescent="0.2">
      <c r="A536" s="3" t="s">
        <v>45</v>
      </c>
      <c r="B536" s="9">
        <v>8</v>
      </c>
      <c r="C536" s="1" t="s">
        <v>120</v>
      </c>
      <c r="D536" s="10" t="s">
        <v>121</v>
      </c>
    </row>
    <row r="537" spans="1:4" x14ac:dyDescent="0.2">
      <c r="A537" s="3" t="s">
        <v>45</v>
      </c>
      <c r="B537" s="9">
        <v>7</v>
      </c>
      <c r="C537" s="1" t="s">
        <v>122</v>
      </c>
      <c r="D537" s="10" t="s">
        <v>123</v>
      </c>
    </row>
    <row r="538" spans="1:4" x14ac:dyDescent="0.2">
      <c r="A538" s="3" t="s">
        <v>45</v>
      </c>
      <c r="B538" s="9">
        <v>6</v>
      </c>
      <c r="C538" s="1" t="s">
        <v>106</v>
      </c>
      <c r="D538" s="10" t="s">
        <v>124</v>
      </c>
    </row>
    <row r="539" spans="1:4" x14ac:dyDescent="0.2">
      <c r="A539" s="3" t="s">
        <v>45</v>
      </c>
      <c r="B539" s="9">
        <v>5</v>
      </c>
      <c r="C539" s="1" t="s">
        <v>125</v>
      </c>
      <c r="D539" s="10" t="s">
        <v>126</v>
      </c>
    </row>
    <row r="540" spans="1:4" x14ac:dyDescent="0.2">
      <c r="A540" s="3" t="s">
        <v>45</v>
      </c>
      <c r="B540" s="9">
        <v>4</v>
      </c>
      <c r="C540" s="1" t="s">
        <v>127</v>
      </c>
      <c r="D540" s="10" t="s">
        <v>128</v>
      </c>
    </row>
    <row r="541" spans="1:4" x14ac:dyDescent="0.2">
      <c r="A541" s="3" t="s">
        <v>45</v>
      </c>
      <c r="B541" s="9">
        <v>3</v>
      </c>
      <c r="C541" s="1" t="s">
        <v>129</v>
      </c>
      <c r="D541" s="10" t="s">
        <v>130</v>
      </c>
    </row>
    <row r="542" spans="1:4" x14ac:dyDescent="0.2">
      <c r="A542" s="3" t="s">
        <v>45</v>
      </c>
      <c r="B542" s="9">
        <v>2</v>
      </c>
      <c r="C542" s="1" t="s">
        <v>79</v>
      </c>
      <c r="D542" s="10" t="s">
        <v>131</v>
      </c>
    </row>
    <row r="543" spans="1:4" x14ac:dyDescent="0.2">
      <c r="A543" s="3" t="s">
        <v>45</v>
      </c>
      <c r="B543" s="9">
        <v>1</v>
      </c>
      <c r="C543" s="1" t="s">
        <v>67</v>
      </c>
      <c r="D543" s="10" t="s">
        <v>132</v>
      </c>
    </row>
    <row r="544" spans="1:4" x14ac:dyDescent="0.2">
      <c r="A544" s="3" t="s">
        <v>46</v>
      </c>
      <c r="B544" s="9">
        <v>10</v>
      </c>
      <c r="C544" s="1" t="s">
        <v>422</v>
      </c>
      <c r="D544" s="10" t="s">
        <v>503</v>
      </c>
    </row>
    <row r="545" spans="1:4" x14ac:dyDescent="0.2">
      <c r="A545" s="3" t="s">
        <v>46</v>
      </c>
      <c r="B545" s="9">
        <v>9</v>
      </c>
      <c r="C545" s="1" t="s">
        <v>181</v>
      </c>
      <c r="D545" s="10" t="s">
        <v>504</v>
      </c>
    </row>
    <row r="546" spans="1:4" x14ac:dyDescent="0.2">
      <c r="A546" s="3" t="s">
        <v>46</v>
      </c>
      <c r="B546" s="9">
        <v>8</v>
      </c>
      <c r="C546" s="1" t="s">
        <v>352</v>
      </c>
      <c r="D546" s="10" t="s">
        <v>505</v>
      </c>
    </row>
    <row r="547" spans="1:4" x14ac:dyDescent="0.2">
      <c r="A547" s="3" t="s">
        <v>46</v>
      </c>
      <c r="B547" s="9">
        <v>7</v>
      </c>
      <c r="C547" s="1" t="s">
        <v>463</v>
      </c>
      <c r="D547" s="10" t="s">
        <v>506</v>
      </c>
    </row>
    <row r="548" spans="1:4" x14ac:dyDescent="0.2">
      <c r="A548" s="3" t="s">
        <v>46</v>
      </c>
      <c r="B548" s="9">
        <v>6</v>
      </c>
      <c r="C548" s="1" t="s">
        <v>507</v>
      </c>
      <c r="D548" s="10" t="s">
        <v>508</v>
      </c>
    </row>
    <row r="549" spans="1:4" x14ac:dyDescent="0.2">
      <c r="A549" s="3" t="s">
        <v>46</v>
      </c>
      <c r="B549" s="9">
        <v>5</v>
      </c>
      <c r="C549" s="1" t="s">
        <v>108</v>
      </c>
      <c r="D549" s="10" t="s">
        <v>509</v>
      </c>
    </row>
    <row r="550" spans="1:4" x14ac:dyDescent="0.2">
      <c r="A550" s="3" t="s">
        <v>46</v>
      </c>
      <c r="B550" s="9">
        <v>4</v>
      </c>
      <c r="C550" s="1" t="s">
        <v>122</v>
      </c>
      <c r="D550" s="10" t="s">
        <v>510</v>
      </c>
    </row>
    <row r="551" spans="1:4" x14ac:dyDescent="0.2">
      <c r="A551" s="3" t="s">
        <v>46</v>
      </c>
      <c r="B551" s="9">
        <v>3</v>
      </c>
      <c r="C551" s="1" t="s">
        <v>120</v>
      </c>
      <c r="D551" s="10" t="s">
        <v>511</v>
      </c>
    </row>
    <row r="552" spans="1:4" x14ac:dyDescent="0.2">
      <c r="A552" s="3" t="s">
        <v>46</v>
      </c>
      <c r="B552" s="9">
        <v>2</v>
      </c>
      <c r="C552" s="1" t="s">
        <v>233</v>
      </c>
      <c r="D552" s="10" t="s">
        <v>512</v>
      </c>
    </row>
    <row r="553" spans="1:4" x14ac:dyDescent="0.2">
      <c r="A553" s="3" t="s">
        <v>46</v>
      </c>
      <c r="B553" s="9">
        <v>1</v>
      </c>
      <c r="C553" s="1" t="s">
        <v>58</v>
      </c>
      <c r="D553" s="10" t="s">
        <v>513</v>
      </c>
    </row>
    <row r="554" spans="1:4" x14ac:dyDescent="0.2">
      <c r="A554" s="3" t="s">
        <v>55</v>
      </c>
      <c r="B554" s="9">
        <v>10</v>
      </c>
      <c r="C554" s="1" t="s">
        <v>56</v>
      </c>
      <c r="D554" s="1" t="s">
        <v>362</v>
      </c>
    </row>
    <row r="555" spans="1:4" x14ac:dyDescent="0.2">
      <c r="A555" s="3" t="s">
        <v>55</v>
      </c>
      <c r="B555" s="9">
        <v>9</v>
      </c>
      <c r="C555" s="1" t="s">
        <v>239</v>
      </c>
      <c r="D555" s="1" t="s">
        <v>363</v>
      </c>
    </row>
    <row r="556" spans="1:4" x14ac:dyDescent="0.2">
      <c r="A556" s="3" t="s">
        <v>55</v>
      </c>
      <c r="B556" s="9">
        <v>8</v>
      </c>
      <c r="C556" s="1" t="s">
        <v>88</v>
      </c>
      <c r="D556" s="1" t="s">
        <v>364</v>
      </c>
    </row>
    <row r="557" spans="1:4" x14ac:dyDescent="0.2">
      <c r="A557" s="3" t="s">
        <v>55</v>
      </c>
      <c r="B557" s="9">
        <v>7</v>
      </c>
      <c r="C557" s="1" t="s">
        <v>122</v>
      </c>
      <c r="D557" s="1" t="s">
        <v>365</v>
      </c>
    </row>
    <row r="558" spans="1:4" x14ac:dyDescent="0.2">
      <c r="A558" s="3" t="s">
        <v>55</v>
      </c>
      <c r="B558" s="9">
        <v>6</v>
      </c>
      <c r="C558" s="1" t="s">
        <v>154</v>
      </c>
      <c r="D558" s="1" t="s">
        <v>366</v>
      </c>
    </row>
    <row r="559" spans="1:4" x14ac:dyDescent="0.2">
      <c r="A559" s="3" t="s">
        <v>55</v>
      </c>
      <c r="B559" s="9">
        <v>5</v>
      </c>
      <c r="C559" s="1" t="s">
        <v>116</v>
      </c>
      <c r="D559" s="1" t="s">
        <v>367</v>
      </c>
    </row>
    <row r="560" spans="1:4" x14ac:dyDescent="0.2">
      <c r="A560" s="3" t="s">
        <v>55</v>
      </c>
      <c r="B560" s="9">
        <v>4</v>
      </c>
      <c r="C560" s="1" t="s">
        <v>329</v>
      </c>
      <c r="D560" s="1" t="s">
        <v>368</v>
      </c>
    </row>
    <row r="561" spans="1:4" x14ac:dyDescent="0.2">
      <c r="A561" s="3" t="s">
        <v>55</v>
      </c>
      <c r="B561" s="9">
        <v>3</v>
      </c>
      <c r="C561" s="1" t="s">
        <v>369</v>
      </c>
      <c r="D561" s="1" t="s">
        <v>370</v>
      </c>
    </row>
    <row r="562" spans="1:4" x14ac:dyDescent="0.2">
      <c r="A562" s="3" t="s">
        <v>55</v>
      </c>
      <c r="B562" s="9">
        <v>2</v>
      </c>
      <c r="C562" s="1" t="s">
        <v>64</v>
      </c>
      <c r="D562" s="1" t="s">
        <v>371</v>
      </c>
    </row>
    <row r="563" spans="1:4" x14ac:dyDescent="0.2">
      <c r="A563" s="3" t="s">
        <v>55</v>
      </c>
      <c r="B563" s="9">
        <v>1</v>
      </c>
      <c r="C563" s="10" t="s">
        <v>165</v>
      </c>
      <c r="D563" s="10" t="s">
        <v>372</v>
      </c>
    </row>
    <row r="564" spans="1:4" x14ac:dyDescent="0.2">
      <c r="A564" s="3" t="s">
        <v>32</v>
      </c>
      <c r="B564" s="9">
        <v>10</v>
      </c>
      <c r="C564" s="1" t="s">
        <v>133</v>
      </c>
      <c r="D564" s="10" t="s">
        <v>134</v>
      </c>
    </row>
    <row r="565" spans="1:4" x14ac:dyDescent="0.2">
      <c r="A565" s="3" t="s">
        <v>32</v>
      </c>
      <c r="B565" s="9">
        <v>9</v>
      </c>
      <c r="C565" s="1" t="s">
        <v>84</v>
      </c>
      <c r="D565" s="10" t="s">
        <v>135</v>
      </c>
    </row>
    <row r="566" spans="1:4" x14ac:dyDescent="0.2">
      <c r="A566" s="3" t="s">
        <v>32</v>
      </c>
      <c r="B566" s="9">
        <v>8</v>
      </c>
      <c r="C566" s="1" t="s">
        <v>136</v>
      </c>
      <c r="D566" s="10" t="s">
        <v>137</v>
      </c>
    </row>
    <row r="567" spans="1:4" x14ac:dyDescent="0.2">
      <c r="A567" s="3" t="s">
        <v>32</v>
      </c>
      <c r="B567" s="9">
        <v>7</v>
      </c>
      <c r="C567" s="1" t="s">
        <v>77</v>
      </c>
      <c r="D567" s="10" t="s">
        <v>138</v>
      </c>
    </row>
    <row r="568" spans="1:4" x14ac:dyDescent="0.2">
      <c r="A568" s="3" t="s">
        <v>32</v>
      </c>
      <c r="B568" s="9">
        <v>6</v>
      </c>
      <c r="C568" s="1" t="s">
        <v>94</v>
      </c>
      <c r="D568" s="10" t="s">
        <v>139</v>
      </c>
    </row>
    <row r="569" spans="1:4" x14ac:dyDescent="0.2">
      <c r="A569" s="3" t="s">
        <v>32</v>
      </c>
      <c r="B569" s="9">
        <v>5</v>
      </c>
      <c r="C569" s="1" t="s">
        <v>69</v>
      </c>
      <c r="D569" s="10" t="s">
        <v>140</v>
      </c>
    </row>
    <row r="570" spans="1:4" x14ac:dyDescent="0.2">
      <c r="A570" s="3" t="s">
        <v>32</v>
      </c>
      <c r="B570" s="9">
        <v>4</v>
      </c>
      <c r="C570" s="1" t="s">
        <v>77</v>
      </c>
      <c r="D570" s="10" t="s">
        <v>141</v>
      </c>
    </row>
    <row r="571" spans="1:4" x14ac:dyDescent="0.2">
      <c r="A571" s="3" t="s">
        <v>32</v>
      </c>
      <c r="B571" s="9">
        <v>3</v>
      </c>
      <c r="C571" s="1" t="s">
        <v>142</v>
      </c>
      <c r="D571" s="10" t="s">
        <v>143</v>
      </c>
    </row>
    <row r="572" spans="1:4" x14ac:dyDescent="0.2">
      <c r="A572" s="3" t="s">
        <v>32</v>
      </c>
      <c r="B572" s="9">
        <v>2</v>
      </c>
      <c r="C572" s="1" t="s">
        <v>94</v>
      </c>
      <c r="D572" s="10" t="s">
        <v>144</v>
      </c>
    </row>
    <row r="573" spans="1:4" x14ac:dyDescent="0.2">
      <c r="A573" s="3" t="s">
        <v>32</v>
      </c>
      <c r="B573" s="9">
        <v>1</v>
      </c>
      <c r="C573" s="1" t="s">
        <v>145</v>
      </c>
      <c r="D573" s="10" t="s">
        <v>146</v>
      </c>
    </row>
    <row r="574" spans="1:4" x14ac:dyDescent="0.2">
      <c r="A574" s="3" t="s">
        <v>48</v>
      </c>
      <c r="B574" s="9">
        <v>10</v>
      </c>
      <c r="C574" s="1" t="s">
        <v>60</v>
      </c>
      <c r="D574" s="10" t="s">
        <v>147</v>
      </c>
    </row>
    <row r="575" spans="1:4" x14ac:dyDescent="0.2">
      <c r="A575" s="3" t="s">
        <v>48</v>
      </c>
      <c r="B575" s="9">
        <v>9</v>
      </c>
      <c r="C575" s="1" t="s">
        <v>69</v>
      </c>
      <c r="D575" s="10" t="s">
        <v>148</v>
      </c>
    </row>
    <row r="576" spans="1:4" x14ac:dyDescent="0.2">
      <c r="A576" s="3" t="s">
        <v>48</v>
      </c>
      <c r="B576" s="9">
        <v>8</v>
      </c>
      <c r="C576" s="1" t="s">
        <v>149</v>
      </c>
      <c r="D576" s="10" t="s">
        <v>150</v>
      </c>
    </row>
    <row r="577" spans="1:4" x14ac:dyDescent="0.2">
      <c r="A577" s="3" t="s">
        <v>48</v>
      </c>
      <c r="B577" s="9">
        <v>7</v>
      </c>
      <c r="C577" s="1" t="s">
        <v>151</v>
      </c>
      <c r="D577" s="10" t="s">
        <v>152</v>
      </c>
    </row>
    <row r="578" spans="1:4" x14ac:dyDescent="0.2">
      <c r="A578" s="3" t="s">
        <v>48</v>
      </c>
      <c r="B578" s="9">
        <v>6</v>
      </c>
      <c r="C578" s="1" t="s">
        <v>81</v>
      </c>
      <c r="D578" s="10" t="s">
        <v>153</v>
      </c>
    </row>
    <row r="579" spans="1:4" x14ac:dyDescent="0.2">
      <c r="A579" s="3" t="s">
        <v>48</v>
      </c>
      <c r="B579" s="9">
        <v>5</v>
      </c>
      <c r="C579" s="1" t="s">
        <v>154</v>
      </c>
      <c r="D579" s="10" t="s">
        <v>155</v>
      </c>
    </row>
    <row r="580" spans="1:4" x14ac:dyDescent="0.2">
      <c r="A580" s="3" t="s">
        <v>48</v>
      </c>
      <c r="B580" s="9">
        <v>4</v>
      </c>
      <c r="C580" s="1" t="s">
        <v>145</v>
      </c>
      <c r="D580" s="10" t="s">
        <v>156</v>
      </c>
    </row>
    <row r="581" spans="1:4" x14ac:dyDescent="0.2">
      <c r="A581" s="3" t="s">
        <v>48</v>
      </c>
      <c r="B581" s="9">
        <v>3</v>
      </c>
      <c r="C581" s="1" t="s">
        <v>136</v>
      </c>
      <c r="D581" s="10" t="s">
        <v>157</v>
      </c>
    </row>
    <row r="582" spans="1:4" x14ac:dyDescent="0.2">
      <c r="A582" s="3" t="s">
        <v>48</v>
      </c>
      <c r="B582" s="9">
        <v>2</v>
      </c>
      <c r="C582" s="1" t="s">
        <v>94</v>
      </c>
      <c r="D582" s="10" t="s">
        <v>158</v>
      </c>
    </row>
    <row r="583" spans="1:4" x14ac:dyDescent="0.2">
      <c r="A583" s="3" t="s">
        <v>48</v>
      </c>
      <c r="B583" s="9">
        <v>1</v>
      </c>
      <c r="C583" s="1" t="s">
        <v>110</v>
      </c>
      <c r="D583" s="10" t="s">
        <v>159</v>
      </c>
    </row>
    <row r="584" spans="1:4" x14ac:dyDescent="0.2">
      <c r="B584" s="9"/>
      <c r="C584" s="3"/>
      <c r="D584" s="1"/>
    </row>
    <row r="585" spans="1:4" x14ac:dyDescent="0.2">
      <c r="B585" s="9"/>
    </row>
    <row r="586" spans="1:4" x14ac:dyDescent="0.2">
      <c r="A586" s="10"/>
    </row>
    <row r="587" spans="1:4" x14ac:dyDescent="0.2">
      <c r="A587" s="10"/>
    </row>
    <row r="588" spans="1:4" x14ac:dyDescent="0.2">
      <c r="A588" s="10"/>
    </row>
    <row r="589" spans="1:4" x14ac:dyDescent="0.2">
      <c r="A589" s="10"/>
    </row>
    <row r="590" spans="1:4" x14ac:dyDescent="0.2">
      <c r="A590" s="10"/>
    </row>
    <row r="591" spans="1:4" x14ac:dyDescent="0.2">
      <c r="A591" s="10"/>
    </row>
    <row r="592" spans="1:4" x14ac:dyDescent="0.2">
      <c r="A592" s="10"/>
    </row>
    <row r="593" spans="1:1" x14ac:dyDescent="0.2">
      <c r="A593" s="10"/>
    </row>
    <row r="594" spans="1:1" x14ac:dyDescent="0.2">
      <c r="A594" s="10"/>
    </row>
    <row r="595" spans="1:1" x14ac:dyDescent="0.2">
      <c r="A595" s="10"/>
    </row>
    <row r="596" spans="1:1" x14ac:dyDescent="0.2">
      <c r="A596" s="10"/>
    </row>
    <row r="597" spans="1:1" x14ac:dyDescent="0.2">
      <c r="A597" s="10"/>
    </row>
    <row r="598" spans="1:1" x14ac:dyDescent="0.2">
      <c r="A598" s="10"/>
    </row>
    <row r="599" spans="1:1" x14ac:dyDescent="0.2">
      <c r="A599" s="10"/>
    </row>
  </sheetData>
  <phoneticPr fontId="0" type="noConversion"/>
  <printOptions gridLines="1"/>
  <pageMargins left="0.2" right="0.23" top="1" bottom="1" header="0.5" footer="0.5"/>
  <pageSetup scale="73" orientation="landscape" horizontalDpi="1200" verticalDpi="1200" r:id="rId1"/>
  <headerFooter alignWithMargins="0">
    <oddFooter>&amp;CPage &amp;P</oddFooter>
  </headerFooter>
  <drawing r:id="rId2"/>
  <extLst>
    <ext xmlns:mx="http://schemas.microsoft.com/office/mac/excel/2008/main" uri="{64002731-A6B0-56B0-2670-7721B7C09600}">
      <mx:PLV Mode="0" OnePage="0" WScale="0"/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>Cybis Communication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ffrey Douglass</dc:creator>
  <cp:lastModifiedBy>Davis, Molly</cp:lastModifiedBy>
  <cp:lastPrinted>2012-04-23T16:01:47Z</cp:lastPrinted>
  <dcterms:created xsi:type="dcterms:W3CDTF">2004-04-01T06:26:42Z</dcterms:created>
  <dcterms:modified xsi:type="dcterms:W3CDTF">2021-07-19T16:55:07Z</dcterms:modified>
</cp:coreProperties>
</file>